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/>
  </bookViews>
  <sheets>
    <sheet name="千代橋" sheetId="1" r:id="rId1"/>
    <sheet name="亀の子橋" sheetId="2" r:id="rId2"/>
    <sheet name="大綱橋" sheetId="3" r:id="rId3"/>
    <sheet name="末吉橋" sheetId="4" r:id="rId4"/>
    <sheet name="臨港鶴見川橋" sheetId="5" r:id="rId5"/>
    <sheet name="都橋" sheetId="6" r:id="rId6"/>
    <sheet name="大竹橋" sheetId="7" r:id="rId7"/>
    <sheet name="又口橋" sheetId="8" r:id="rId8"/>
    <sheet name="峰大橋" sheetId="9" r:id="rId9"/>
    <sheet name="矢上川橋" sheetId="10" r:id="rId10"/>
    <sheet name="耕地橋" sheetId="11" r:id="rId11"/>
    <sheet name="水車橋前" sheetId="12" r:id="rId12"/>
  </sheets>
  <calcPr calcId="0"/>
</workbook>
</file>

<file path=xl/sharedStrings.xml><?xml version="1.0" encoding="utf-8"?>
<sst xmlns="http://schemas.openxmlformats.org/spreadsheetml/2006/main" count="5827" uniqueCount="735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曇り</t>
  </si>
  <si>
    <t>降雨なし</t>
  </si>
  <si>
    <t>15.5</t>
  </si>
  <si>
    <t>16.3</t>
  </si>
  <si>
    <t>0.14</t>
  </si>
  <si>
    <t>1.47</t>
  </si>
  <si>
    <t>0.1</t>
  </si>
  <si>
    <t>0.84</t>
  </si>
  <si>
    <t>70</t>
  </si>
  <si>
    <t>通常の状況</t>
  </si>
  <si>
    <t>灰黄緑色・淡（明）</t>
  </si>
  <si>
    <t>川藻臭（微）</t>
  </si>
  <si>
    <t>7.5</t>
  </si>
  <si>
    <t>8.5</t>
  </si>
  <si>
    <t>7.8</t>
  </si>
  <si>
    <t>5</t>
  </si>
  <si>
    <t>18.3</t>
  </si>
  <si>
    <t>19.1</t>
  </si>
  <si>
    <t>0.15</t>
  </si>
  <si>
    <t>1.40</t>
  </si>
  <si>
    <t>0.77</t>
  </si>
  <si>
    <t>71</t>
  </si>
  <si>
    <t>7.7</t>
  </si>
  <si>
    <t>4.4</t>
  </si>
  <si>
    <t>7.0</t>
  </si>
  <si>
    <t>10</t>
  </si>
  <si>
    <t>2018/05/16</t>
  </si>
  <si>
    <t>晴れ</t>
  </si>
  <si>
    <t>22.8</t>
  </si>
  <si>
    <t>20.7</t>
  </si>
  <si>
    <t>0.19</t>
  </si>
  <si>
    <t>2.76</t>
  </si>
  <si>
    <t>0.93</t>
  </si>
  <si>
    <t>84</t>
  </si>
  <si>
    <t>6.1</t>
  </si>
  <si>
    <t>4</t>
  </si>
  <si>
    <t>20.8</t>
  </si>
  <si>
    <t>23.3</t>
  </si>
  <si>
    <t>0.21</t>
  </si>
  <si>
    <t>2.90</t>
  </si>
  <si>
    <t>0.91</t>
  </si>
  <si>
    <t>&gt;100</t>
  </si>
  <si>
    <t>黄緑色・淡（明）</t>
  </si>
  <si>
    <t>2.4</t>
  </si>
  <si>
    <t>5.6</t>
  </si>
  <si>
    <t>2</t>
  </si>
  <si>
    <t>2018/06/13</t>
  </si>
  <si>
    <t>22.5</t>
  </si>
  <si>
    <t>21.8</t>
  </si>
  <si>
    <t>0.17</t>
  </si>
  <si>
    <t>2.63</t>
  </si>
  <si>
    <t>1.12</t>
  </si>
  <si>
    <t>87</t>
  </si>
  <si>
    <t>7.6</t>
  </si>
  <si>
    <t>2.6</t>
  </si>
  <si>
    <t>5.7</t>
  </si>
  <si>
    <t>21.1</t>
  </si>
  <si>
    <t>3.07</t>
  </si>
  <si>
    <t>1.18</t>
  </si>
  <si>
    <t>94</t>
  </si>
  <si>
    <t>1.0</t>
  </si>
  <si>
    <t>2018/07/04</t>
  </si>
  <si>
    <t>25.3</t>
  </si>
  <si>
    <t>25.1</t>
  </si>
  <si>
    <t>0.12</t>
  </si>
  <si>
    <t>1.61</t>
  </si>
  <si>
    <t>0.87</t>
  </si>
  <si>
    <t>69</t>
  </si>
  <si>
    <t>7.9</t>
  </si>
  <si>
    <t>1.9</t>
  </si>
  <si>
    <t>8</t>
  </si>
  <si>
    <t>24.8</t>
  </si>
  <si>
    <t>26.8</t>
  </si>
  <si>
    <t>1.67</t>
  </si>
  <si>
    <t>0.86</t>
  </si>
  <si>
    <t>93</t>
  </si>
  <si>
    <t>8.1</t>
  </si>
  <si>
    <t>1.5</t>
  </si>
  <si>
    <t>2018/08/01</t>
  </si>
  <si>
    <t>29.8</t>
  </si>
  <si>
    <t>27.6</t>
  </si>
  <si>
    <t>2.45</t>
  </si>
  <si>
    <t>0.99</t>
  </si>
  <si>
    <t>82</t>
  </si>
  <si>
    <t>2.2</t>
  </si>
  <si>
    <t>6.9</t>
  </si>
  <si>
    <t>28.0</t>
  </si>
  <si>
    <t>30.6</t>
  </si>
  <si>
    <t>2.82</t>
  </si>
  <si>
    <t>1.00</t>
  </si>
  <si>
    <t>8.2</t>
  </si>
  <si>
    <t>1.4</t>
  </si>
  <si>
    <t>3</t>
  </si>
  <si>
    <t>2018/09/13</t>
  </si>
  <si>
    <t>22.2</t>
  </si>
  <si>
    <t>22.4</t>
  </si>
  <si>
    <t>1.76</t>
  </si>
  <si>
    <t>0.95</t>
  </si>
  <si>
    <t>1.6</t>
  </si>
  <si>
    <t>6.3</t>
  </si>
  <si>
    <t>1.83</t>
  </si>
  <si>
    <t>8.0</t>
  </si>
  <si>
    <t>1.1</t>
  </si>
  <si>
    <t>5.5</t>
  </si>
  <si>
    <t>1</t>
  </si>
  <si>
    <t>2018/10/10</t>
  </si>
  <si>
    <t>22.0</t>
  </si>
  <si>
    <t>0.16</t>
  </si>
  <si>
    <t>2.48</t>
  </si>
  <si>
    <t>1.08</t>
  </si>
  <si>
    <t>3.2</t>
  </si>
  <si>
    <t>6.6</t>
  </si>
  <si>
    <t>23.4</t>
  </si>
  <si>
    <t>2.68</t>
  </si>
  <si>
    <t>1.10</t>
  </si>
  <si>
    <t>5.1</t>
  </si>
  <si>
    <t>2018/11/08</t>
  </si>
  <si>
    <t>16.8</t>
  </si>
  <si>
    <t>17.8</t>
  </si>
  <si>
    <t>2.31</t>
  </si>
  <si>
    <t>4.5</t>
  </si>
  <si>
    <t>17.1</t>
  </si>
  <si>
    <t>20.2</t>
  </si>
  <si>
    <t>2.16</t>
  </si>
  <si>
    <t>1.07</t>
  </si>
  <si>
    <t>1.3</t>
  </si>
  <si>
    <t>5.8</t>
  </si>
  <si>
    <t>2018/12/05</t>
  </si>
  <si>
    <t>10mm以上20mm未満</t>
  </si>
  <si>
    <t>17.2</t>
  </si>
  <si>
    <t>0.13</t>
  </si>
  <si>
    <t>1.80</t>
  </si>
  <si>
    <t>45</t>
  </si>
  <si>
    <t>灰茶色・中</t>
  </si>
  <si>
    <t>4.3</t>
  </si>
  <si>
    <t>12</t>
  </si>
  <si>
    <t>15.6</t>
  </si>
  <si>
    <t>18.2</t>
  </si>
  <si>
    <t>2.03</t>
  </si>
  <si>
    <t>1.05</t>
  </si>
  <si>
    <t>79</t>
  </si>
  <si>
    <t>7.4</t>
  </si>
  <si>
    <t>2.8</t>
  </si>
  <si>
    <t>2019/01/09</t>
  </si>
  <si>
    <t>5.0</t>
  </si>
  <si>
    <t>10.1</t>
  </si>
  <si>
    <t>0.11</t>
  </si>
  <si>
    <t>1.23</t>
  </si>
  <si>
    <t>0.80</t>
  </si>
  <si>
    <t>85</t>
  </si>
  <si>
    <t>4.1</t>
  </si>
  <si>
    <t>3.9</t>
  </si>
  <si>
    <t>10.6</t>
  </si>
  <si>
    <t>1.33</t>
  </si>
  <si>
    <t>0.94</t>
  </si>
  <si>
    <t>2.3</t>
  </si>
  <si>
    <t>6.8</t>
  </si>
  <si>
    <t>2019/02/13</t>
  </si>
  <si>
    <t>3.7</t>
  </si>
  <si>
    <t>10.4</t>
  </si>
  <si>
    <t>1.24</t>
  </si>
  <si>
    <t>0.85</t>
  </si>
  <si>
    <t>9.2</t>
  </si>
  <si>
    <t>6.4</t>
  </si>
  <si>
    <t>11.7</t>
  </si>
  <si>
    <t>1.35</t>
  </si>
  <si>
    <t>47</t>
  </si>
  <si>
    <t>3.1</t>
  </si>
  <si>
    <t>7.2</t>
  </si>
  <si>
    <t>2019/03/06</t>
  </si>
  <si>
    <t>10.0</t>
  </si>
  <si>
    <t>13.3</t>
  </si>
  <si>
    <t>1.97</t>
  </si>
  <si>
    <t>1.04</t>
  </si>
  <si>
    <t>3.0</t>
  </si>
  <si>
    <t>12.1</t>
  </si>
  <si>
    <t>14.9</t>
  </si>
  <si>
    <t>1.49</t>
  </si>
  <si>
    <t>5.4</t>
  </si>
  <si>
    <t>6</t>
  </si>
  <si>
    <t>14</t>
  </si>
  <si>
    <t>17.3</t>
  </si>
  <si>
    <t>6.76</t>
  </si>
  <si>
    <t>0.09</t>
  </si>
  <si>
    <t>0.45</t>
  </si>
  <si>
    <t>灰緑色・淡（明）</t>
  </si>
  <si>
    <t>7</t>
  </si>
  <si>
    <t>3.3</t>
  </si>
  <si>
    <t>7.3</t>
  </si>
  <si>
    <t>18.6</t>
  </si>
  <si>
    <t>19.5</t>
  </si>
  <si>
    <t>0.08</t>
  </si>
  <si>
    <t>0.4</t>
  </si>
  <si>
    <t>89</t>
  </si>
  <si>
    <t>5.2</t>
  </si>
  <si>
    <t>20</t>
  </si>
  <si>
    <t>0.47</t>
  </si>
  <si>
    <t>6.7</t>
  </si>
  <si>
    <t>0.46</t>
  </si>
  <si>
    <t>0.7</t>
  </si>
  <si>
    <t>2018/06/06</t>
  </si>
  <si>
    <t>22</t>
  </si>
  <si>
    <t>23.9</t>
  </si>
  <si>
    <t>0.43</t>
  </si>
  <si>
    <t>7.1</t>
  </si>
  <si>
    <t>雨</t>
  </si>
  <si>
    <t>23.6</t>
  </si>
  <si>
    <t>7.86</t>
  </si>
  <si>
    <t>0.44</t>
  </si>
  <si>
    <t>4.6</t>
  </si>
  <si>
    <t>29</t>
  </si>
  <si>
    <t>27.1</t>
  </si>
  <si>
    <t>6.84</t>
  </si>
  <si>
    <t>0.41</t>
  </si>
  <si>
    <t>3.6</t>
  </si>
  <si>
    <t>24.3</t>
  </si>
  <si>
    <t>0.42</t>
  </si>
  <si>
    <t>2018/08/20</t>
  </si>
  <si>
    <t>25.2</t>
  </si>
  <si>
    <t>8.7</t>
  </si>
  <si>
    <t>26</t>
  </si>
  <si>
    <t>26.2</t>
  </si>
  <si>
    <t>2018/09/20</t>
  </si>
  <si>
    <t>21.2</t>
  </si>
  <si>
    <t>24.1</t>
  </si>
  <si>
    <t>23.2</t>
  </si>
  <si>
    <t>6.85</t>
  </si>
  <si>
    <t>0.48</t>
  </si>
  <si>
    <t>2018/10/17</t>
  </si>
  <si>
    <t>16.1</t>
  </si>
  <si>
    <t>2.7</t>
  </si>
  <si>
    <t>22.3</t>
  </si>
  <si>
    <t>8.87</t>
  </si>
  <si>
    <t>2018/11/07</t>
  </si>
  <si>
    <t>15.4</t>
  </si>
  <si>
    <t>19</t>
  </si>
  <si>
    <t>6.25</t>
  </si>
  <si>
    <t>75.5</t>
  </si>
  <si>
    <t>13</t>
  </si>
  <si>
    <t>19.4</t>
  </si>
  <si>
    <t>17</t>
  </si>
  <si>
    <t>4.38</t>
  </si>
  <si>
    <t>0.07</t>
  </si>
  <si>
    <t>0.36</t>
  </si>
  <si>
    <t>95</t>
  </si>
  <si>
    <t>0.37</t>
  </si>
  <si>
    <t>4.8</t>
  </si>
  <si>
    <t>12.3</t>
  </si>
  <si>
    <t>5.71</t>
  </si>
  <si>
    <t>0.06</t>
  </si>
  <si>
    <t>0.3</t>
  </si>
  <si>
    <t>3.8</t>
  </si>
  <si>
    <t>11</t>
  </si>
  <si>
    <t>4.7</t>
  </si>
  <si>
    <t>11.2</t>
  </si>
  <si>
    <t>71.5</t>
  </si>
  <si>
    <t>9</t>
  </si>
  <si>
    <t>12.6</t>
  </si>
  <si>
    <t>5.79</t>
  </si>
  <si>
    <t>0.33</t>
  </si>
  <si>
    <t>97</t>
  </si>
  <si>
    <t>11.3</t>
  </si>
  <si>
    <t>14.6</t>
  </si>
  <si>
    <t>6.28</t>
  </si>
  <si>
    <t>0.38</t>
  </si>
  <si>
    <t>15</t>
  </si>
  <si>
    <t>15.3</t>
  </si>
  <si>
    <t>3.4</t>
  </si>
  <si>
    <t>14.1</t>
  </si>
  <si>
    <t>0.27</t>
  </si>
  <si>
    <t>18.9</t>
  </si>
  <si>
    <t>0.23</t>
  </si>
  <si>
    <t>1.15</t>
  </si>
  <si>
    <t>1.63</t>
  </si>
  <si>
    <t>65.5</t>
  </si>
  <si>
    <t>23.8</t>
  </si>
  <si>
    <t>1.92</t>
  </si>
  <si>
    <t>20.6</t>
  </si>
  <si>
    <t>0.18</t>
  </si>
  <si>
    <t>0.9</t>
  </si>
  <si>
    <t>29.3</t>
  </si>
  <si>
    <t>27.2</t>
  </si>
  <si>
    <t>0.29</t>
  </si>
  <si>
    <t>1.45</t>
  </si>
  <si>
    <t>24.5</t>
  </si>
  <si>
    <t>26.9</t>
  </si>
  <si>
    <t>2.9</t>
  </si>
  <si>
    <t>24.6</t>
  </si>
  <si>
    <t>25</t>
  </si>
  <si>
    <t>1.14</t>
  </si>
  <si>
    <t>27.9</t>
  </si>
  <si>
    <t>27</t>
  </si>
  <si>
    <t>21.3</t>
  </si>
  <si>
    <t>0.2</t>
  </si>
  <si>
    <t>19.6</t>
  </si>
  <si>
    <t>0.8</t>
  </si>
  <si>
    <t>77.5</t>
  </si>
  <si>
    <t>5.9</t>
  </si>
  <si>
    <t>24.2</t>
  </si>
  <si>
    <t>23.5</t>
  </si>
  <si>
    <t>0.25</t>
  </si>
  <si>
    <t>1.25</t>
  </si>
  <si>
    <t>14.8</t>
  </si>
  <si>
    <t>1.65</t>
  </si>
  <si>
    <t>43</t>
  </si>
  <si>
    <t>黄緑色・濃（暗）</t>
  </si>
  <si>
    <t>6.5</t>
  </si>
  <si>
    <t>16.6</t>
  </si>
  <si>
    <t>19.2</t>
  </si>
  <si>
    <t>78.5</t>
  </si>
  <si>
    <t>18.4</t>
  </si>
  <si>
    <t>93.5</t>
  </si>
  <si>
    <t>18.8</t>
  </si>
  <si>
    <t>0.83</t>
  </si>
  <si>
    <t>5.3</t>
  </si>
  <si>
    <t>11.1</t>
  </si>
  <si>
    <t>1.02</t>
  </si>
  <si>
    <t>77</t>
  </si>
  <si>
    <t>12.2</t>
  </si>
  <si>
    <t>1.03</t>
  </si>
  <si>
    <t>80</t>
  </si>
  <si>
    <t>15.8</t>
  </si>
  <si>
    <t>15.2</t>
  </si>
  <si>
    <t>0.54</t>
  </si>
  <si>
    <t>21.4</t>
  </si>
  <si>
    <t>0.82</t>
  </si>
  <si>
    <t>31.2</t>
  </si>
  <si>
    <t>28</t>
  </si>
  <si>
    <t>0.74</t>
  </si>
  <si>
    <t>24</t>
  </si>
  <si>
    <t>0.92</t>
  </si>
  <si>
    <t>4.62</t>
  </si>
  <si>
    <t>18</t>
  </si>
  <si>
    <t>1.11</t>
  </si>
  <si>
    <t>5.57</t>
  </si>
  <si>
    <t>36</t>
  </si>
  <si>
    <t>5.55</t>
  </si>
  <si>
    <t>4.94</t>
  </si>
  <si>
    <t>4.16</t>
  </si>
  <si>
    <t>13.8</t>
  </si>
  <si>
    <t>1.2</t>
  </si>
  <si>
    <t>19.8</t>
  </si>
  <si>
    <t>17.7</t>
  </si>
  <si>
    <t>1.19</t>
  </si>
  <si>
    <t>5.95</t>
  </si>
  <si>
    <t>1.21</t>
  </si>
  <si>
    <t>6.07</t>
  </si>
  <si>
    <t>0.6</t>
  </si>
  <si>
    <t>1.22</t>
  </si>
  <si>
    <t>22.1</t>
  </si>
  <si>
    <t>5.75</t>
  </si>
  <si>
    <t>28.2</t>
  </si>
  <si>
    <t>27.5</t>
  </si>
  <si>
    <t>6.2</t>
  </si>
  <si>
    <t>1.8</t>
  </si>
  <si>
    <t>26.1</t>
  </si>
  <si>
    <t>1.28</t>
  </si>
  <si>
    <t>80.5</t>
  </si>
  <si>
    <t>1.7</t>
  </si>
  <si>
    <t>6.65</t>
  </si>
  <si>
    <t>26.6</t>
  </si>
  <si>
    <t>6.05</t>
  </si>
  <si>
    <t>54.5</t>
  </si>
  <si>
    <t>21</t>
  </si>
  <si>
    <t>1.26</t>
  </si>
  <si>
    <t>1.43</t>
  </si>
  <si>
    <t>7.15</t>
  </si>
  <si>
    <t>16.7</t>
  </si>
  <si>
    <t>1.32</t>
  </si>
  <si>
    <t>63</t>
  </si>
  <si>
    <t>17.9</t>
  </si>
  <si>
    <t>18.5</t>
  </si>
  <si>
    <t>1.36</t>
  </si>
  <si>
    <t>6.31</t>
  </si>
  <si>
    <t>0.5</t>
  </si>
  <si>
    <t>10.3</t>
  </si>
  <si>
    <t>6.23</t>
  </si>
  <si>
    <t>11.4</t>
  </si>
  <si>
    <t>9.6</t>
  </si>
  <si>
    <t>10.8</t>
  </si>
  <si>
    <t>6.03</t>
  </si>
  <si>
    <t>98</t>
  </si>
  <si>
    <t>10.7</t>
  </si>
  <si>
    <t>12.4</t>
  </si>
  <si>
    <t>4.9</t>
  </si>
  <si>
    <t>16</t>
  </si>
  <si>
    <t>0.04</t>
  </si>
  <si>
    <t>75</t>
  </si>
  <si>
    <t>1.46</t>
  </si>
  <si>
    <t>35</t>
  </si>
  <si>
    <t>灰黄色・中</t>
  </si>
  <si>
    <t>9.7</t>
  </si>
  <si>
    <t>20.3</t>
  </si>
  <si>
    <t>1.51</t>
  </si>
  <si>
    <t>1.54</t>
  </si>
  <si>
    <t>1.52</t>
  </si>
  <si>
    <t>91</t>
  </si>
  <si>
    <t>2.5</t>
  </si>
  <si>
    <t>21.6</t>
  </si>
  <si>
    <t>1.50</t>
  </si>
  <si>
    <t>23.0</t>
  </si>
  <si>
    <t>1.60</t>
  </si>
  <si>
    <t>86</t>
  </si>
  <si>
    <t>0.05</t>
  </si>
  <si>
    <t>1.27</t>
  </si>
  <si>
    <t>90</t>
  </si>
  <si>
    <t>0.96</t>
  </si>
  <si>
    <t>96</t>
  </si>
  <si>
    <t>27.3</t>
  </si>
  <si>
    <t>1.17</t>
  </si>
  <si>
    <t>29.5</t>
  </si>
  <si>
    <t>30.3</t>
  </si>
  <si>
    <t>1.75</t>
  </si>
  <si>
    <t>0.88</t>
  </si>
  <si>
    <t>25.8</t>
  </si>
  <si>
    <t>&lt;1</t>
  </si>
  <si>
    <t>1.77</t>
  </si>
  <si>
    <t>1.13</t>
  </si>
  <si>
    <t>14.4</t>
  </si>
  <si>
    <t>1.06</t>
  </si>
  <si>
    <t>1.34</t>
  </si>
  <si>
    <t>6.0</t>
  </si>
  <si>
    <t>32</t>
  </si>
  <si>
    <t>16.4</t>
  </si>
  <si>
    <t>19.3</t>
  </si>
  <si>
    <t>55</t>
  </si>
  <si>
    <t>8.8</t>
  </si>
  <si>
    <t>0.73</t>
  </si>
  <si>
    <t>12.0</t>
  </si>
  <si>
    <t>0.69</t>
  </si>
  <si>
    <t>31</t>
  </si>
  <si>
    <t>14.3</t>
  </si>
  <si>
    <t>65</t>
  </si>
  <si>
    <t>12.8</t>
  </si>
  <si>
    <t>16.0</t>
  </si>
  <si>
    <t>14.2</t>
  </si>
  <si>
    <t>95.5</t>
  </si>
  <si>
    <t>0.51</t>
  </si>
  <si>
    <t>無色</t>
  </si>
  <si>
    <t>無臭</t>
  </si>
  <si>
    <t>21.5</t>
  </si>
  <si>
    <t>86.5</t>
  </si>
  <si>
    <t>27.8</t>
  </si>
  <si>
    <t>0.57</t>
  </si>
  <si>
    <t>22.7</t>
  </si>
  <si>
    <t>0.62</t>
  </si>
  <si>
    <t>0.58</t>
  </si>
  <si>
    <t>61</t>
  </si>
  <si>
    <t>4.2</t>
  </si>
  <si>
    <t>17.6</t>
  </si>
  <si>
    <t>0.53</t>
  </si>
  <si>
    <t>52</t>
  </si>
  <si>
    <t>62.5</t>
  </si>
  <si>
    <t>8.9</t>
  </si>
  <si>
    <t>10.2</t>
  </si>
  <si>
    <t>11.8</t>
  </si>
  <si>
    <t>0.64</t>
  </si>
  <si>
    <t>0.35</t>
  </si>
  <si>
    <t>0.67</t>
  </si>
  <si>
    <t>28.8</t>
  </si>
  <si>
    <t>26.5</t>
  </si>
  <si>
    <t>23</t>
  </si>
  <si>
    <t>0.22</t>
  </si>
  <si>
    <t>0.66</t>
  </si>
  <si>
    <t>0.56</t>
  </si>
  <si>
    <t>10.9</t>
  </si>
  <si>
    <t>0.68</t>
  </si>
  <si>
    <t>13.7</t>
  </si>
  <si>
    <t>8.3</t>
  </si>
  <si>
    <t>2.1</t>
  </si>
  <si>
    <t>0.61</t>
  </si>
  <si>
    <t>30.4</t>
  </si>
  <si>
    <t>72</t>
  </si>
  <si>
    <t>64</t>
  </si>
  <si>
    <t>1.71</t>
  </si>
  <si>
    <t>50.5</t>
  </si>
  <si>
    <t>57.5</t>
  </si>
  <si>
    <t>0.24</t>
  </si>
  <si>
    <t>78</t>
  </si>
  <si>
    <t>2.78</t>
  </si>
  <si>
    <t>6.64</t>
  </si>
  <si>
    <t>0.34</t>
  </si>
  <si>
    <t>2.86</t>
  </si>
  <si>
    <t>2.15</t>
  </si>
  <si>
    <t>31.4</t>
  </si>
  <si>
    <t>27.4</t>
  </si>
  <si>
    <t>6.11</t>
  </si>
  <si>
    <t>2.92</t>
  </si>
  <si>
    <t>2.05</t>
  </si>
  <si>
    <t>6.13</t>
  </si>
  <si>
    <t>1.88</t>
  </si>
  <si>
    <t>6.12</t>
  </si>
  <si>
    <t>5.01</t>
  </si>
  <si>
    <t>4.59</t>
  </si>
  <si>
    <t>13.9</t>
  </si>
  <si>
    <t>4.58</t>
  </si>
  <si>
    <t>3.03</t>
  </si>
  <si>
    <t>2.07</t>
  </si>
  <si>
    <t>11.6</t>
  </si>
  <si>
    <t>2.49</t>
  </si>
  <si>
    <t>20.0</t>
  </si>
  <si>
    <t>0</t>
  </si>
  <si>
    <t>下水臭（中）</t>
  </si>
  <si>
    <t>19.0</t>
  </si>
  <si>
    <t>0.52</t>
  </si>
  <si>
    <t>快晴</t>
  </si>
  <si>
    <t>0.89</t>
  </si>
  <si>
    <t>22.6</t>
  </si>
  <si>
    <t>2018/06/14</t>
  </si>
  <si>
    <t>0.70</t>
  </si>
  <si>
    <t>20.9</t>
  </si>
  <si>
    <t>23.1</t>
  </si>
  <si>
    <t>8.4</t>
  </si>
  <si>
    <t>2018/08/16</t>
  </si>
  <si>
    <t>31.5</t>
  </si>
  <si>
    <t>29.2</t>
  </si>
  <si>
    <t>0.20</t>
  </si>
  <si>
    <t>2.0</t>
  </si>
  <si>
    <t>28.4</t>
  </si>
  <si>
    <t>27.7</t>
  </si>
  <si>
    <t>25.0</t>
  </si>
  <si>
    <t>25.4</t>
  </si>
  <si>
    <t>24.4</t>
  </si>
  <si>
    <t>0.55</t>
  </si>
  <si>
    <t>2018/11/14</t>
  </si>
  <si>
    <t>2018/12/20</t>
  </si>
  <si>
    <t>9.0</t>
  </si>
  <si>
    <t>17.5</t>
  </si>
  <si>
    <t>0.71</t>
  </si>
  <si>
    <t>0.59</t>
  </si>
  <si>
    <t>15.7</t>
  </si>
  <si>
    <t>13.5</t>
  </si>
  <si>
    <t>0.63</t>
  </si>
  <si>
    <t>9.3</t>
  </si>
  <si>
    <t>0.26</t>
  </si>
  <si>
    <t>0.97</t>
  </si>
  <si>
    <t>17.0</t>
  </si>
  <si>
    <t>0.02</t>
  </si>
  <si>
    <t>0.0</t>
  </si>
  <si>
    <t>18.7</t>
  </si>
  <si>
    <t>0.03</t>
  </si>
  <si>
    <t>26.3</t>
  </si>
  <si>
    <t>0.50</t>
  </si>
  <si>
    <t>3.5</t>
  </si>
  <si>
    <t>20.4</t>
  </si>
  <si>
    <t>20.1</t>
  </si>
  <si>
    <t>4.0</t>
  </si>
  <si>
    <t>26.7</t>
  </si>
  <si>
    <t>24.7</t>
  </si>
  <si>
    <t>26.0</t>
  </si>
  <si>
    <t>22.9</t>
  </si>
  <si>
    <t>15.0</t>
  </si>
  <si>
    <t>11.0</t>
  </si>
  <si>
    <t>0.39</t>
  </si>
  <si>
    <t>0.40</t>
  </si>
  <si>
    <t>9.4</t>
  </si>
  <si>
    <t>0.01</t>
  </si>
  <si>
    <t>11.5</t>
  </si>
  <si>
    <t>8.6</t>
  </si>
  <si>
    <t>11.9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鶴見川</t>
  </si>
  <si>
    <t>千代橋(14-004-51)</t>
  </si>
  <si>
    <t>河川D</t>
  </si>
  <si>
    <t>横浜市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0mm以上5mm未満</t>
  </si>
  <si>
    <t>国土交通省</t>
  </si>
  <si>
    <t>大綱橋(14-003-52)</t>
  </si>
  <si>
    <t>河川C</t>
  </si>
  <si>
    <t>末吉橋(14-003-51)</t>
  </si>
  <si>
    <t>臨港鶴見川橋(14-003-01)</t>
  </si>
  <si>
    <t>鶴見川(恩田川)</t>
  </si>
  <si>
    <t>都橋(14-004-52)</t>
  </si>
  <si>
    <t>鶴見川(大熊川)</t>
  </si>
  <si>
    <t>大竹橋(14-004-53)</t>
  </si>
  <si>
    <t>鶴見川(鳥山川)</t>
  </si>
  <si>
    <t>又口橋(14-004-54)</t>
  </si>
  <si>
    <t>鶴見川(早淵川)</t>
  </si>
  <si>
    <t>峰大橋(14-003-53)</t>
  </si>
  <si>
    <t>鶴見川(矢上川)</t>
  </si>
  <si>
    <t>矢上川橋(14-003-54)</t>
  </si>
  <si>
    <t>鶴見川(麻生川)</t>
  </si>
  <si>
    <t>耕地橋(14-004-55)</t>
  </si>
  <si>
    <t>川崎市</t>
  </si>
  <si>
    <t>鶴見川(真福寺川)</t>
  </si>
  <si>
    <t>水車橋前(14-004-56)</t>
  </si>
  <si>
    <t>ｎ-ヘキサン抽出物質</t>
  </si>
  <si>
    <t>鉛</t>
  </si>
  <si>
    <t>MPN/100mL</t>
  </si>
  <si>
    <t>&lt;0.5</t>
  </si>
  <si>
    <t>&lt;0.0003</t>
  </si>
  <si>
    <t>&lt;0.01</t>
  </si>
  <si>
    <t>&lt;0.02</t>
  </si>
  <si>
    <t>&lt;0.005</t>
  </si>
  <si>
    <t>&lt;0.0005</t>
  </si>
  <si>
    <t>&lt;0.0001</t>
  </si>
  <si>
    <t>&lt;0.001</t>
  </si>
  <si>
    <t>&lt;0.0002</t>
  </si>
  <si>
    <t>1，3-ジクロロプロペン</t>
  </si>
  <si>
    <t>銅</t>
  </si>
  <si>
    <t>溶解性鉄</t>
  </si>
  <si>
    <t>&lt;0.002</t>
  </si>
  <si>
    <t>&lt;0.08</t>
  </si>
  <si>
    <t>&lt;0.0006</t>
  </si>
  <si>
    <t>&lt;0.004</t>
  </si>
  <si>
    <t>有機りん</t>
  </si>
  <si>
    <t>mS/m</t>
  </si>
  <si>
    <t>‰</t>
  </si>
  <si>
    <t>&lt;0.03</t>
  </si>
  <si>
    <t>&lt;0.008</t>
  </si>
  <si>
    <t>&lt;0.04</t>
  </si>
  <si>
    <t>1，1，1-トリクロロエタン</t>
  </si>
  <si>
    <t>μg/L</t>
  </si>
  <si>
    <t>亀の子橋(14-004-01)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LAS</t>
    <phoneticPr fontId="18"/>
  </si>
  <si>
    <t>0.00015</t>
  </si>
  <si>
    <t/>
  </si>
  <si>
    <t>0.00013</t>
  </si>
  <si>
    <t>0.00034</t>
  </si>
  <si>
    <t>&lt;0.00006</t>
  </si>
  <si>
    <t>0.0024</t>
  </si>
  <si>
    <t>0.0050</t>
  </si>
  <si>
    <t>0.0033</t>
  </si>
  <si>
    <t>0.0014</t>
  </si>
  <si>
    <t>0.0016</t>
  </si>
  <si>
    <t>0.0019</t>
  </si>
  <si>
    <t>0.00008</t>
  </si>
  <si>
    <t>0.00007</t>
  </si>
  <si>
    <t>0.0021</t>
  </si>
  <si>
    <t>0.0028</t>
  </si>
  <si>
    <t>0.0012</t>
  </si>
  <si>
    <t>0.0030</t>
  </si>
  <si>
    <t>0.0069</t>
  </si>
  <si>
    <t>0.0010</t>
  </si>
  <si>
    <t>0.0098</t>
  </si>
  <si>
    <t>0.0015</t>
  </si>
  <si>
    <t>0.0017</t>
  </si>
  <si>
    <t>0.0046</t>
  </si>
  <si>
    <t>0.0031</t>
  </si>
  <si>
    <t>0.001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98"/>
  <sheetViews>
    <sheetView tabSelected="1"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34</v>
      </c>
      <c r="C1" s="1" t="s">
        <v>1</v>
      </c>
      <c r="D1" s="1" t="s">
        <v>635</v>
      </c>
      <c r="E1" s="1" t="s">
        <v>2</v>
      </c>
      <c r="F1" s="1" t="s">
        <v>636</v>
      </c>
      <c r="G1" s="1" t="s">
        <v>3</v>
      </c>
      <c r="H1" s="1" t="s">
        <v>63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5</v>
      </c>
      <c r="AB2" s="1" t="s">
        <v>707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263888888888889</v>
      </c>
      <c r="C4" s="1" t="s">
        <v>645</v>
      </c>
      <c r="D4" s="1" t="s">
        <v>27</v>
      </c>
      <c r="E4" s="1" t="s">
        <v>28</v>
      </c>
      <c r="F4" s="1" t="s">
        <v>29</v>
      </c>
      <c r="G4" s="1" t="s">
        <v>30</v>
      </c>
      <c r="H4" s="1" t="s">
        <v>31</v>
      </c>
      <c r="I4" s="1" t="s">
        <v>32</v>
      </c>
      <c r="J4" s="1" t="s">
        <v>33</v>
      </c>
      <c r="K4" s="1" t="s">
        <v>34</v>
      </c>
      <c r="L4" s="1" t="s">
        <v>35</v>
      </c>
      <c r="N4" s="1" t="s">
        <v>36</v>
      </c>
      <c r="O4" s="1" t="s">
        <v>37</v>
      </c>
      <c r="P4" s="1" t="s">
        <v>38</v>
      </c>
      <c r="Q4" s="1" t="s">
        <v>39</v>
      </c>
      <c r="R4" s="1" t="s">
        <v>40</v>
      </c>
      <c r="S4" s="1" t="s">
        <v>41</v>
      </c>
      <c r="T4" s="1" t="s">
        <v>42</v>
      </c>
      <c r="U4" s="1">
        <v>7.1</v>
      </c>
      <c r="V4" s="3">
        <v>1300</v>
      </c>
      <c r="W4" s="1"/>
      <c r="X4" s="1">
        <v>6.7</v>
      </c>
      <c r="Y4" s="1">
        <v>0.38</v>
      </c>
      <c r="Z4" s="1">
        <v>2.4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96</v>
      </c>
      <c r="BC4" s="1">
        <v>3.4</v>
      </c>
      <c r="BD4" s="1">
        <v>4.3</v>
      </c>
      <c r="BE4" s="1"/>
      <c r="BF4" s="1"/>
      <c r="BG4" s="1"/>
      <c r="BH4" s="1"/>
      <c r="BI4" s="1"/>
      <c r="BJ4" s="1"/>
      <c r="BK4" s="1"/>
      <c r="BL4" s="1"/>
      <c r="BM4" s="1">
        <v>1.3</v>
      </c>
      <c r="BN4" s="1">
        <v>0.37</v>
      </c>
      <c r="BO4" s="1">
        <v>35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1944444444444453</v>
      </c>
      <c r="C5" s="1" t="s">
        <v>645</v>
      </c>
      <c r="D5" s="1" t="s">
        <v>27</v>
      </c>
      <c r="E5" s="1" t="s">
        <v>28</v>
      </c>
      <c r="F5" s="1" t="s">
        <v>43</v>
      </c>
      <c r="G5" s="1" t="s">
        <v>44</v>
      </c>
      <c r="H5" s="1" t="s">
        <v>45</v>
      </c>
      <c r="I5" s="1" t="s">
        <v>46</v>
      </c>
      <c r="J5" s="1" t="s">
        <v>33</v>
      </c>
      <c r="K5" s="1" t="s">
        <v>47</v>
      </c>
      <c r="L5" s="1" t="s">
        <v>48</v>
      </c>
      <c r="N5" s="1" t="s">
        <v>36</v>
      </c>
      <c r="O5" s="1" t="s">
        <v>37</v>
      </c>
      <c r="P5" s="1" t="s">
        <v>38</v>
      </c>
      <c r="Q5" s="1" t="s">
        <v>49</v>
      </c>
      <c r="R5" s="1" t="s">
        <v>50</v>
      </c>
      <c r="S5" s="1" t="s">
        <v>51</v>
      </c>
      <c r="T5" s="1" t="s">
        <v>52</v>
      </c>
      <c r="U5" s="1">
        <v>7.5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3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263888888888889</v>
      </c>
      <c r="C6" s="1" t="s">
        <v>645</v>
      </c>
      <c r="D6" s="1" t="s">
        <v>54</v>
      </c>
      <c r="E6" s="1" t="s">
        <v>28</v>
      </c>
      <c r="F6" s="1" t="s">
        <v>55</v>
      </c>
      <c r="G6" s="1" t="s">
        <v>56</v>
      </c>
      <c r="H6" s="1" t="s">
        <v>57</v>
      </c>
      <c r="I6" s="1" t="s">
        <v>58</v>
      </c>
      <c r="J6" s="1" t="s">
        <v>33</v>
      </c>
      <c r="K6" s="1" t="s">
        <v>59</v>
      </c>
      <c r="L6" s="1" t="s">
        <v>60</v>
      </c>
      <c r="N6" s="1" t="s">
        <v>36</v>
      </c>
      <c r="O6" s="1" t="s">
        <v>37</v>
      </c>
      <c r="P6" s="1" t="s">
        <v>38</v>
      </c>
      <c r="Q6" s="1" t="s">
        <v>49</v>
      </c>
      <c r="R6" s="1" t="s">
        <v>50</v>
      </c>
      <c r="S6" s="1" t="s">
        <v>61</v>
      </c>
      <c r="T6" s="1" t="s">
        <v>62</v>
      </c>
      <c r="U6" s="1">
        <v>7</v>
      </c>
      <c r="V6" s="3">
        <v>7900</v>
      </c>
      <c r="W6" s="1"/>
      <c r="X6" s="1">
        <v>4.5</v>
      </c>
      <c r="Y6" s="1">
        <v>0.27</v>
      </c>
      <c r="Z6" s="1">
        <v>1.7000000000000001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52</v>
      </c>
      <c r="BC6" s="1">
        <v>3.3</v>
      </c>
      <c r="BD6" s="1">
        <v>3.8</v>
      </c>
      <c r="BE6" s="1"/>
      <c r="BF6" s="1"/>
      <c r="BG6" s="1"/>
      <c r="BH6" s="1"/>
      <c r="BI6" s="1"/>
      <c r="BJ6" s="1"/>
      <c r="BK6" s="1"/>
      <c r="BL6" s="1"/>
      <c r="BM6" s="1">
        <v>0.59</v>
      </c>
      <c r="BN6" s="1">
        <v>0.25</v>
      </c>
      <c r="BO6" s="1">
        <v>34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1944444444444453</v>
      </c>
      <c r="C7" s="1" t="s">
        <v>645</v>
      </c>
      <c r="D7" s="1" t="s">
        <v>54</v>
      </c>
      <c r="E7" s="1" t="s">
        <v>28</v>
      </c>
      <c r="F7" s="1" t="s">
        <v>63</v>
      </c>
      <c r="G7" s="1" t="s">
        <v>64</v>
      </c>
      <c r="H7" s="1" t="s">
        <v>65</v>
      </c>
      <c r="I7" s="1" t="s">
        <v>66</v>
      </c>
      <c r="J7" s="1" t="s">
        <v>33</v>
      </c>
      <c r="K7" s="1" t="s">
        <v>67</v>
      </c>
      <c r="L7" s="1" t="s">
        <v>68</v>
      </c>
      <c r="N7" s="1" t="s">
        <v>36</v>
      </c>
      <c r="O7" s="1" t="s">
        <v>69</v>
      </c>
      <c r="P7" s="1" t="s">
        <v>38</v>
      </c>
      <c r="Q7" s="1" t="s">
        <v>49</v>
      </c>
      <c r="R7" s="1" t="s">
        <v>70</v>
      </c>
      <c r="S7" s="1" t="s">
        <v>71</v>
      </c>
      <c r="T7" s="1" t="s">
        <v>72</v>
      </c>
      <c r="U7" s="1">
        <v>6.6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2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3</v>
      </c>
      <c r="B8" s="2">
        <v>0.3263888888888889</v>
      </c>
      <c r="C8" s="1" t="s">
        <v>645</v>
      </c>
      <c r="D8" s="1" t="s">
        <v>27</v>
      </c>
      <c r="E8" s="1" t="s">
        <v>646</v>
      </c>
      <c r="F8" s="1" t="s">
        <v>74</v>
      </c>
      <c r="G8" s="1" t="s">
        <v>75</v>
      </c>
      <c r="H8" s="1" t="s">
        <v>76</v>
      </c>
      <c r="I8" s="1" t="s">
        <v>77</v>
      </c>
      <c r="J8" s="1" t="s">
        <v>33</v>
      </c>
      <c r="K8" s="1" t="s">
        <v>78</v>
      </c>
      <c r="L8" s="1" t="s">
        <v>79</v>
      </c>
      <c r="N8" s="1" t="s">
        <v>36</v>
      </c>
      <c r="O8" s="1" t="s">
        <v>37</v>
      </c>
      <c r="P8" s="1" t="s">
        <v>38</v>
      </c>
      <c r="Q8" s="1" t="s">
        <v>80</v>
      </c>
      <c r="R8" s="1" t="s">
        <v>81</v>
      </c>
      <c r="S8" s="1" t="s">
        <v>82</v>
      </c>
      <c r="T8" s="1" t="s">
        <v>42</v>
      </c>
      <c r="U8" s="1">
        <v>6.8</v>
      </c>
      <c r="V8" s="3">
        <v>3300</v>
      </c>
      <c r="W8" s="1"/>
      <c r="X8" s="1">
        <v>4.7</v>
      </c>
      <c r="Y8" s="1">
        <v>0.33</v>
      </c>
      <c r="Z8" s="1">
        <v>2.1000000000000001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44</v>
      </c>
      <c r="BC8" s="1">
        <v>3.3</v>
      </c>
      <c r="BD8" s="1">
        <v>3.7</v>
      </c>
      <c r="BE8" s="1"/>
      <c r="BF8" s="1"/>
      <c r="BG8" s="1"/>
      <c r="BH8" s="1"/>
      <c r="BI8" s="1"/>
      <c r="BJ8" s="1"/>
      <c r="BK8" s="1"/>
      <c r="BL8" s="1"/>
      <c r="BM8" s="1">
        <v>0.33</v>
      </c>
      <c r="BN8" s="1">
        <v>0.31</v>
      </c>
      <c r="BO8" s="1">
        <v>33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1944444444444453</v>
      </c>
      <c r="C9" s="1" t="s">
        <v>645</v>
      </c>
      <c r="D9" s="1" t="s">
        <v>27</v>
      </c>
      <c r="E9" s="1" t="s">
        <v>646</v>
      </c>
      <c r="F9" s="1" t="s">
        <v>83</v>
      </c>
      <c r="G9" s="1" t="s">
        <v>64</v>
      </c>
      <c r="H9" s="1" t="s">
        <v>57</v>
      </c>
      <c r="I9" s="1" t="s">
        <v>84</v>
      </c>
      <c r="J9" s="1" t="s">
        <v>33</v>
      </c>
      <c r="K9" s="1" t="s">
        <v>85</v>
      </c>
      <c r="L9" s="1" t="s">
        <v>86</v>
      </c>
      <c r="N9" s="1" t="s">
        <v>36</v>
      </c>
      <c r="O9" s="1" t="s">
        <v>37</v>
      </c>
      <c r="P9" s="1" t="s">
        <v>38</v>
      </c>
      <c r="Q9" s="1" t="s">
        <v>41</v>
      </c>
      <c r="R9" s="1" t="s">
        <v>87</v>
      </c>
      <c r="S9" s="1" t="s">
        <v>71</v>
      </c>
      <c r="T9" s="1" t="s">
        <v>72</v>
      </c>
      <c r="U9" s="1">
        <v>6.8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3298611111111111</v>
      </c>
      <c r="C10" s="1" t="s">
        <v>645</v>
      </c>
      <c r="D10" s="1" t="s">
        <v>27</v>
      </c>
      <c r="E10" s="1" t="s">
        <v>28</v>
      </c>
      <c r="F10" s="1" t="s">
        <v>89</v>
      </c>
      <c r="G10" s="1" t="s">
        <v>90</v>
      </c>
      <c r="H10" s="1" t="s">
        <v>91</v>
      </c>
      <c r="I10" s="1" t="s">
        <v>92</v>
      </c>
      <c r="J10" s="1" t="s">
        <v>33</v>
      </c>
      <c r="K10" s="1" t="s">
        <v>93</v>
      </c>
      <c r="L10" s="1" t="s">
        <v>94</v>
      </c>
      <c r="N10" s="1" t="s">
        <v>36</v>
      </c>
      <c r="O10" s="1" t="s">
        <v>37</v>
      </c>
      <c r="P10" s="1" t="s">
        <v>38</v>
      </c>
      <c r="Q10" s="1" t="s">
        <v>95</v>
      </c>
      <c r="R10" s="1" t="s">
        <v>96</v>
      </c>
      <c r="S10" s="1" t="s">
        <v>40</v>
      </c>
      <c r="T10" s="1" t="s">
        <v>97</v>
      </c>
      <c r="U10" s="1">
        <v>6.7</v>
      </c>
      <c r="V10" s="3">
        <v>1100</v>
      </c>
      <c r="W10" s="1" t="s">
        <v>670</v>
      </c>
      <c r="X10" s="1">
        <v>6</v>
      </c>
      <c r="Y10" s="1">
        <v>0.16</v>
      </c>
      <c r="Z10" s="1">
        <v>2.1000000000000001E-2</v>
      </c>
      <c r="AA10" s="1"/>
      <c r="AB10" s="1"/>
      <c r="AC10" s="1" t="s">
        <v>671</v>
      </c>
      <c r="AD10" s="1" t="s">
        <v>672</v>
      </c>
      <c r="AE10" s="1">
        <v>2.0999999999999999E-3</v>
      </c>
      <c r="AF10" s="1" t="s">
        <v>673</v>
      </c>
      <c r="AG10" s="1" t="s">
        <v>674</v>
      </c>
      <c r="AH10" s="1" t="s">
        <v>675</v>
      </c>
      <c r="AI10" s="1"/>
      <c r="AJ10" s="1"/>
      <c r="AK10" s="1" t="s">
        <v>676</v>
      </c>
      <c r="AL10" s="1" t="s">
        <v>676</v>
      </c>
      <c r="AM10" s="1" t="s">
        <v>676</v>
      </c>
      <c r="AN10" s="1" t="s">
        <v>676</v>
      </c>
      <c r="AO10" s="1" t="s">
        <v>676</v>
      </c>
      <c r="AP10" t="s">
        <v>676</v>
      </c>
      <c r="AQ10" s="1" t="s">
        <v>676</v>
      </c>
      <c r="AR10" s="1" t="s">
        <v>676</v>
      </c>
      <c r="AS10" s="1" t="s">
        <v>676</v>
      </c>
      <c r="AT10" s="1" t="s">
        <v>678</v>
      </c>
      <c r="AU10" s="1" t="s">
        <v>675</v>
      </c>
      <c r="AV10" s="1" t="s">
        <v>671</v>
      </c>
      <c r="AW10" s="1" t="s">
        <v>671</v>
      </c>
      <c r="AX10" s="1" t="s">
        <v>676</v>
      </c>
      <c r="AY10" s="1" t="s">
        <v>682</v>
      </c>
      <c r="AZ10" s="1" t="s">
        <v>683</v>
      </c>
      <c r="BA10" s="1">
        <v>0.04</v>
      </c>
      <c r="BB10" s="1">
        <v>1</v>
      </c>
      <c r="BC10" s="1">
        <v>2.8</v>
      </c>
      <c r="BD10" s="1">
        <v>3.8</v>
      </c>
      <c r="BE10" s="1" t="s">
        <v>674</v>
      </c>
      <c r="BF10" s="1" t="s">
        <v>674</v>
      </c>
      <c r="BG10" s="1">
        <v>2.8999999999999998E-3</v>
      </c>
      <c r="BH10" s="1">
        <v>0.09</v>
      </c>
      <c r="BI10" s="1">
        <v>0.03</v>
      </c>
      <c r="BJ10" s="1"/>
      <c r="BK10" s="1"/>
      <c r="BL10" s="1">
        <v>1E-3</v>
      </c>
      <c r="BM10" s="1">
        <v>1.2</v>
      </c>
      <c r="BN10" s="1">
        <v>0.11</v>
      </c>
      <c r="BO10" s="1">
        <v>36</v>
      </c>
      <c r="BP10" s="1">
        <v>28</v>
      </c>
      <c r="BQ10" s="1"/>
      <c r="BR10" s="1" t="s">
        <v>689</v>
      </c>
      <c r="BS10" s="1" t="s">
        <v>674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2638888888888884</v>
      </c>
      <c r="C11" s="1" t="s">
        <v>645</v>
      </c>
      <c r="D11" s="1" t="s">
        <v>27</v>
      </c>
      <c r="E11" s="1" t="s">
        <v>28</v>
      </c>
      <c r="F11" s="1" t="s">
        <v>98</v>
      </c>
      <c r="G11" s="1" t="s">
        <v>99</v>
      </c>
      <c r="H11" s="1" t="s">
        <v>31</v>
      </c>
      <c r="I11" s="1" t="s">
        <v>100</v>
      </c>
      <c r="J11" s="1" t="s">
        <v>33</v>
      </c>
      <c r="K11" s="1" t="s">
        <v>101</v>
      </c>
      <c r="L11" s="1" t="s">
        <v>102</v>
      </c>
      <c r="N11" s="1" t="s">
        <v>36</v>
      </c>
      <c r="O11" s="1" t="s">
        <v>37</v>
      </c>
      <c r="P11" s="1" t="s">
        <v>38</v>
      </c>
      <c r="Q11" s="1" t="s">
        <v>103</v>
      </c>
      <c r="R11" s="1" t="s">
        <v>104</v>
      </c>
      <c r="S11" s="1" t="s">
        <v>39</v>
      </c>
      <c r="T11" s="1" t="s">
        <v>42</v>
      </c>
      <c r="U11" s="1">
        <v>6.8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5</v>
      </c>
      <c r="BP11" s="1">
        <v>27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5</v>
      </c>
      <c r="B12" s="2">
        <v>0.31944444444444448</v>
      </c>
      <c r="C12" s="1" t="s">
        <v>645</v>
      </c>
      <c r="D12" s="1" t="s">
        <v>54</v>
      </c>
      <c r="E12" s="1" t="s">
        <v>28</v>
      </c>
      <c r="F12" s="1" t="s">
        <v>106</v>
      </c>
      <c r="G12" s="1" t="s">
        <v>107</v>
      </c>
      <c r="H12" s="1" t="s">
        <v>76</v>
      </c>
      <c r="I12" s="1" t="s">
        <v>108</v>
      </c>
      <c r="J12" s="1" t="s">
        <v>33</v>
      </c>
      <c r="K12" s="1" t="s">
        <v>109</v>
      </c>
      <c r="L12" s="1" t="s">
        <v>110</v>
      </c>
      <c r="N12" s="1" t="s">
        <v>36</v>
      </c>
      <c r="O12" s="1" t="s">
        <v>37</v>
      </c>
      <c r="P12" s="1" t="s">
        <v>38</v>
      </c>
      <c r="Q12" s="1" t="s">
        <v>49</v>
      </c>
      <c r="R12" s="1" t="s">
        <v>111</v>
      </c>
      <c r="S12" s="1" t="s">
        <v>112</v>
      </c>
      <c r="T12" s="1" t="s">
        <v>42</v>
      </c>
      <c r="U12" s="1">
        <v>5.8</v>
      </c>
      <c r="V12" s="3">
        <v>13000</v>
      </c>
      <c r="W12" s="1"/>
      <c r="X12" s="1">
        <v>5.2</v>
      </c>
      <c r="Y12" s="1">
        <v>0.21</v>
      </c>
      <c r="Z12" s="1">
        <v>2.5999999999999999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46</v>
      </c>
      <c r="BC12" s="1">
        <v>3.7</v>
      </c>
      <c r="BD12" s="1">
        <v>4.0999999999999996</v>
      </c>
      <c r="BE12" s="1"/>
      <c r="BF12" s="1"/>
      <c r="BG12" s="1"/>
      <c r="BH12" s="1"/>
      <c r="BI12" s="1"/>
      <c r="BJ12" s="1"/>
      <c r="BK12" s="1"/>
      <c r="BL12" s="1"/>
      <c r="BM12" s="1">
        <v>0.54</v>
      </c>
      <c r="BN12" s="1">
        <v>0.18</v>
      </c>
      <c r="BO12" s="1">
        <v>35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2986111111111116</v>
      </c>
      <c r="C13" s="1" t="s">
        <v>645</v>
      </c>
      <c r="D13" s="1" t="s">
        <v>54</v>
      </c>
      <c r="E13" s="1" t="s">
        <v>28</v>
      </c>
      <c r="F13" s="1" t="s">
        <v>113</v>
      </c>
      <c r="G13" s="1" t="s">
        <v>114</v>
      </c>
      <c r="H13" s="1" t="s">
        <v>57</v>
      </c>
      <c r="I13" s="1" t="s">
        <v>115</v>
      </c>
      <c r="J13" s="1" t="s">
        <v>33</v>
      </c>
      <c r="K13" s="1" t="s">
        <v>116</v>
      </c>
      <c r="L13" s="1" t="s">
        <v>68</v>
      </c>
      <c r="N13" s="1" t="s">
        <v>36</v>
      </c>
      <c r="O13" s="1" t="s">
        <v>69</v>
      </c>
      <c r="P13" s="1" t="s">
        <v>38</v>
      </c>
      <c r="Q13" s="1" t="s">
        <v>117</v>
      </c>
      <c r="R13" s="1" t="s">
        <v>118</v>
      </c>
      <c r="S13" s="1" t="s">
        <v>71</v>
      </c>
      <c r="T13" s="1" t="s">
        <v>119</v>
      </c>
      <c r="U13" s="1">
        <v>6.8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3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0</v>
      </c>
      <c r="B14" s="2">
        <v>0.32291666666666669</v>
      </c>
      <c r="C14" s="1" t="s">
        <v>645</v>
      </c>
      <c r="D14" s="1" t="s">
        <v>27</v>
      </c>
      <c r="E14" s="1" t="s">
        <v>646</v>
      </c>
      <c r="F14" s="1" t="s">
        <v>121</v>
      </c>
      <c r="G14" s="1" t="s">
        <v>122</v>
      </c>
      <c r="H14" s="1" t="s">
        <v>31</v>
      </c>
      <c r="I14" s="1" t="s">
        <v>123</v>
      </c>
      <c r="J14" s="1" t="s">
        <v>33</v>
      </c>
      <c r="K14" s="1" t="s">
        <v>124</v>
      </c>
      <c r="L14" s="1" t="s">
        <v>68</v>
      </c>
      <c r="N14" s="1" t="s">
        <v>36</v>
      </c>
      <c r="O14" s="1" t="s">
        <v>69</v>
      </c>
      <c r="P14" s="1" t="s">
        <v>38</v>
      </c>
      <c r="Q14" s="1" t="s">
        <v>80</v>
      </c>
      <c r="R14" s="1" t="s">
        <v>125</v>
      </c>
      <c r="S14" s="1" t="s">
        <v>126</v>
      </c>
      <c r="T14" s="1" t="s">
        <v>72</v>
      </c>
      <c r="U14" s="1">
        <v>6.8</v>
      </c>
      <c r="V14" s="3">
        <v>2300</v>
      </c>
      <c r="W14" s="1"/>
      <c r="X14" s="1">
        <v>6.4</v>
      </c>
      <c r="Y14" s="1">
        <v>0.3</v>
      </c>
      <c r="Z14" s="1">
        <v>2.1000000000000001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59</v>
      </c>
      <c r="BC14" s="1">
        <v>4.9000000000000004</v>
      </c>
      <c r="BD14" s="1">
        <v>5.4</v>
      </c>
      <c r="BE14" s="1"/>
      <c r="BF14" s="1"/>
      <c r="BG14" s="1"/>
      <c r="BH14" s="1"/>
      <c r="BI14" s="1"/>
      <c r="BJ14" s="1"/>
      <c r="BK14" s="1"/>
      <c r="BL14" s="1"/>
      <c r="BM14" s="1">
        <v>0.2</v>
      </c>
      <c r="BN14" s="1">
        <v>0.28000000000000003</v>
      </c>
      <c r="BO14" s="1">
        <v>34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1597222222222221</v>
      </c>
      <c r="C15" s="1" t="s">
        <v>645</v>
      </c>
      <c r="D15" s="1" t="s">
        <v>27</v>
      </c>
      <c r="E15" s="1" t="s">
        <v>646</v>
      </c>
      <c r="F15" s="1" t="s">
        <v>98</v>
      </c>
      <c r="G15" s="1" t="s">
        <v>89</v>
      </c>
      <c r="H15" s="1" t="s">
        <v>45</v>
      </c>
      <c r="I15" s="1" t="s">
        <v>127</v>
      </c>
      <c r="J15" s="1" t="s">
        <v>33</v>
      </c>
      <c r="K15" s="1" t="s">
        <v>59</v>
      </c>
      <c r="L15" s="1" t="s">
        <v>68</v>
      </c>
      <c r="N15" s="1" t="s">
        <v>36</v>
      </c>
      <c r="O15" s="1" t="s">
        <v>69</v>
      </c>
      <c r="P15" s="1" t="s">
        <v>38</v>
      </c>
      <c r="Q15" s="1" t="s">
        <v>128</v>
      </c>
      <c r="R15" s="1" t="s">
        <v>129</v>
      </c>
      <c r="S15" s="1" t="s">
        <v>130</v>
      </c>
      <c r="T15" s="1" t="s">
        <v>131</v>
      </c>
      <c r="U15" s="1">
        <v>8.1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2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2</v>
      </c>
      <c r="B16" s="2">
        <v>0.31944444444444448</v>
      </c>
      <c r="C16" s="1" t="s">
        <v>645</v>
      </c>
      <c r="D16" s="1" t="s">
        <v>54</v>
      </c>
      <c r="E16" s="1" t="s">
        <v>28</v>
      </c>
      <c r="F16" s="1" t="s">
        <v>121</v>
      </c>
      <c r="G16" s="1" t="s">
        <v>133</v>
      </c>
      <c r="H16" s="1" t="s">
        <v>134</v>
      </c>
      <c r="I16" s="1" t="s">
        <v>135</v>
      </c>
      <c r="J16" s="1" t="s">
        <v>33</v>
      </c>
      <c r="K16" s="1" t="s">
        <v>136</v>
      </c>
      <c r="L16" s="1" t="s">
        <v>68</v>
      </c>
      <c r="N16" s="1" t="s">
        <v>36</v>
      </c>
      <c r="O16" s="1" t="s">
        <v>69</v>
      </c>
      <c r="P16" s="1" t="s">
        <v>38</v>
      </c>
      <c r="Q16" s="1" t="s">
        <v>80</v>
      </c>
      <c r="R16" s="1" t="s">
        <v>137</v>
      </c>
      <c r="S16" s="1" t="s">
        <v>138</v>
      </c>
      <c r="T16" s="1" t="s">
        <v>131</v>
      </c>
      <c r="U16" s="1">
        <v>5.3</v>
      </c>
      <c r="V16" s="3">
        <v>4900</v>
      </c>
      <c r="W16" s="1"/>
      <c r="X16" s="1">
        <v>5.8</v>
      </c>
      <c r="Y16" s="1">
        <v>0.19</v>
      </c>
      <c r="Z16" s="1">
        <v>1.9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9</v>
      </c>
      <c r="BC16" s="1">
        <v>3.7</v>
      </c>
      <c r="BD16" s="1">
        <v>4.5999999999999996</v>
      </c>
      <c r="BE16" s="1"/>
      <c r="BF16" s="1"/>
      <c r="BG16" s="1"/>
      <c r="BH16" s="1"/>
      <c r="BI16" s="1"/>
      <c r="BJ16" s="1"/>
      <c r="BK16" s="1"/>
      <c r="BL16" s="1"/>
      <c r="BM16" s="1">
        <v>0.65</v>
      </c>
      <c r="BN16" s="1">
        <v>0.17</v>
      </c>
      <c r="BO16" s="1">
        <v>35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81597222222222221</v>
      </c>
      <c r="C17" s="1" t="s">
        <v>645</v>
      </c>
      <c r="D17" s="1" t="s">
        <v>54</v>
      </c>
      <c r="E17" s="1" t="s">
        <v>28</v>
      </c>
      <c r="F17" s="1" t="s">
        <v>64</v>
      </c>
      <c r="G17" s="1" t="s">
        <v>139</v>
      </c>
      <c r="H17" s="1" t="s">
        <v>76</v>
      </c>
      <c r="I17" s="1" t="s">
        <v>140</v>
      </c>
      <c r="J17" s="1" t="s">
        <v>33</v>
      </c>
      <c r="K17" s="1" t="s">
        <v>141</v>
      </c>
      <c r="L17" s="1" t="s">
        <v>68</v>
      </c>
      <c r="N17" s="1" t="s">
        <v>36</v>
      </c>
      <c r="O17" s="1" t="s">
        <v>69</v>
      </c>
      <c r="P17" s="1" t="s">
        <v>38</v>
      </c>
      <c r="Q17" s="1" t="s">
        <v>39</v>
      </c>
      <c r="R17" s="1" t="s">
        <v>118</v>
      </c>
      <c r="S17" s="1" t="s">
        <v>142</v>
      </c>
      <c r="T17" s="1" t="s">
        <v>131</v>
      </c>
      <c r="U17" s="1">
        <v>5.8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3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32291666666666669</v>
      </c>
      <c r="C18" s="1" t="s">
        <v>645</v>
      </c>
      <c r="D18" s="1" t="s">
        <v>54</v>
      </c>
      <c r="E18" s="1" t="s">
        <v>646</v>
      </c>
      <c r="F18" s="1" t="s">
        <v>144</v>
      </c>
      <c r="G18" s="1" t="s">
        <v>145</v>
      </c>
      <c r="H18" s="1" t="s">
        <v>31</v>
      </c>
      <c r="I18" s="1" t="s">
        <v>146</v>
      </c>
      <c r="J18" s="1" t="s">
        <v>33</v>
      </c>
      <c r="K18" s="1" t="s">
        <v>136</v>
      </c>
      <c r="L18" s="1" t="s">
        <v>79</v>
      </c>
      <c r="N18" s="1" t="s">
        <v>36</v>
      </c>
      <c r="O18" s="1" t="s">
        <v>37</v>
      </c>
      <c r="P18" s="1" t="s">
        <v>38</v>
      </c>
      <c r="Q18" s="1" t="s">
        <v>39</v>
      </c>
      <c r="R18" s="1" t="s">
        <v>147</v>
      </c>
      <c r="S18" s="1" t="s">
        <v>138</v>
      </c>
      <c r="T18" s="1" t="s">
        <v>72</v>
      </c>
      <c r="U18" s="1">
        <v>6.9</v>
      </c>
      <c r="V18" s="3">
        <v>1700</v>
      </c>
      <c r="W18" s="1"/>
      <c r="X18" s="1">
        <v>6.7</v>
      </c>
      <c r="Y18" s="1">
        <v>0.61</v>
      </c>
      <c r="Z18" s="1">
        <v>2.5999999999999999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56999999999999995</v>
      </c>
      <c r="BC18" s="1">
        <v>4.5999999999999996</v>
      </c>
      <c r="BD18" s="1">
        <v>5.0999999999999996</v>
      </c>
      <c r="BE18" s="1"/>
      <c r="BF18" s="1"/>
      <c r="BG18" s="1"/>
      <c r="BH18" s="1"/>
      <c r="BI18" s="1"/>
      <c r="BJ18" s="1"/>
      <c r="BK18" s="1"/>
      <c r="BL18" s="1"/>
      <c r="BM18" s="1">
        <v>0.62</v>
      </c>
      <c r="BN18" s="1">
        <v>0.56999999999999995</v>
      </c>
      <c r="BO18" s="1">
        <v>35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1597222222222221</v>
      </c>
      <c r="C19" s="1" t="s">
        <v>645</v>
      </c>
      <c r="D19" s="1" t="s">
        <v>27</v>
      </c>
      <c r="E19" s="1" t="s">
        <v>646</v>
      </c>
      <c r="F19" s="1" t="s">
        <v>148</v>
      </c>
      <c r="G19" s="1" t="s">
        <v>149</v>
      </c>
      <c r="H19" s="1" t="s">
        <v>31</v>
      </c>
      <c r="I19" s="1" t="s">
        <v>150</v>
      </c>
      <c r="J19" s="1" t="s">
        <v>33</v>
      </c>
      <c r="K19" s="1" t="s">
        <v>151</v>
      </c>
      <c r="L19" s="1" t="s">
        <v>35</v>
      </c>
      <c r="N19" s="1" t="s">
        <v>36</v>
      </c>
      <c r="O19" s="1" t="s">
        <v>37</v>
      </c>
      <c r="P19" s="1" t="s">
        <v>38</v>
      </c>
      <c r="Q19" s="1" t="s">
        <v>80</v>
      </c>
      <c r="R19" s="1" t="s">
        <v>152</v>
      </c>
      <c r="S19" s="1" t="s">
        <v>153</v>
      </c>
      <c r="T19" s="1" t="s">
        <v>72</v>
      </c>
      <c r="U19" s="1">
        <v>7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5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4</v>
      </c>
      <c r="B20" s="2">
        <v>0.3263888888888889</v>
      </c>
      <c r="C20" s="1" t="s">
        <v>645</v>
      </c>
      <c r="D20" s="1" t="s">
        <v>27</v>
      </c>
      <c r="E20" s="1" t="s">
        <v>155</v>
      </c>
      <c r="F20" s="1" t="s">
        <v>156</v>
      </c>
      <c r="G20" s="1" t="s">
        <v>145</v>
      </c>
      <c r="H20" s="1" t="s">
        <v>157</v>
      </c>
      <c r="I20" s="1" t="s">
        <v>158</v>
      </c>
      <c r="J20" s="1" t="s">
        <v>33</v>
      </c>
      <c r="K20" s="1" t="s">
        <v>109</v>
      </c>
      <c r="L20" s="1" t="s">
        <v>159</v>
      </c>
      <c r="N20" s="1" t="s">
        <v>36</v>
      </c>
      <c r="O20" s="1" t="s">
        <v>160</v>
      </c>
      <c r="P20" s="1" t="s">
        <v>38</v>
      </c>
      <c r="Q20" s="1" t="s">
        <v>39</v>
      </c>
      <c r="R20" s="1" t="s">
        <v>161</v>
      </c>
      <c r="S20" s="1" t="s">
        <v>128</v>
      </c>
      <c r="T20" s="1" t="s">
        <v>162</v>
      </c>
      <c r="U20" s="1">
        <v>4.9000000000000004</v>
      </c>
      <c r="V20" s="3">
        <v>79000</v>
      </c>
      <c r="W20" s="1"/>
      <c r="X20" s="1">
        <v>4.8</v>
      </c>
      <c r="Y20" s="1">
        <v>0.48</v>
      </c>
      <c r="Z20" s="1">
        <v>2.5000000000000001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42</v>
      </c>
      <c r="BC20" s="1">
        <v>3.4</v>
      </c>
      <c r="BD20" s="1">
        <v>3.8</v>
      </c>
      <c r="BE20" s="1"/>
      <c r="BF20" s="1"/>
      <c r="BG20" s="1"/>
      <c r="BH20" s="1"/>
      <c r="BI20" s="1"/>
      <c r="BJ20" s="1"/>
      <c r="BK20" s="1"/>
      <c r="BL20" s="1"/>
      <c r="BM20" s="1">
        <v>0.32</v>
      </c>
      <c r="BN20" s="1">
        <v>0.44</v>
      </c>
      <c r="BO20" s="1">
        <v>33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1944444444444453</v>
      </c>
      <c r="C21" s="1" t="s">
        <v>645</v>
      </c>
      <c r="D21" s="1" t="s">
        <v>27</v>
      </c>
      <c r="E21" s="1" t="s">
        <v>155</v>
      </c>
      <c r="F21" s="1" t="s">
        <v>163</v>
      </c>
      <c r="G21" s="1" t="s">
        <v>164</v>
      </c>
      <c r="H21" s="1" t="s">
        <v>31</v>
      </c>
      <c r="I21" s="1" t="s">
        <v>165</v>
      </c>
      <c r="J21" s="1" t="s">
        <v>33</v>
      </c>
      <c r="K21" s="1" t="s">
        <v>166</v>
      </c>
      <c r="L21" s="1" t="s">
        <v>167</v>
      </c>
      <c r="N21" s="1" t="s">
        <v>36</v>
      </c>
      <c r="O21" s="1" t="s">
        <v>37</v>
      </c>
      <c r="P21" s="1" t="s">
        <v>38</v>
      </c>
      <c r="Q21" s="1" t="s">
        <v>168</v>
      </c>
      <c r="R21" s="1" t="s">
        <v>169</v>
      </c>
      <c r="S21" s="1" t="s">
        <v>80</v>
      </c>
      <c r="T21" s="1" t="s">
        <v>42</v>
      </c>
      <c r="U21" s="1">
        <v>5.8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37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0</v>
      </c>
      <c r="B22" s="2">
        <v>0.3263888888888889</v>
      </c>
      <c r="C22" s="1" t="s">
        <v>645</v>
      </c>
      <c r="D22" s="1" t="s">
        <v>54</v>
      </c>
      <c r="E22" s="1" t="s">
        <v>28</v>
      </c>
      <c r="F22" s="1" t="s">
        <v>171</v>
      </c>
      <c r="G22" s="1" t="s">
        <v>172</v>
      </c>
      <c r="H22" s="1" t="s">
        <v>173</v>
      </c>
      <c r="I22" s="1" t="s">
        <v>174</v>
      </c>
      <c r="J22" s="1" t="s">
        <v>33</v>
      </c>
      <c r="K22" s="1" t="s">
        <v>175</v>
      </c>
      <c r="L22" s="1" t="s">
        <v>176</v>
      </c>
      <c r="N22" s="1" t="s">
        <v>36</v>
      </c>
      <c r="O22" s="1" t="s">
        <v>37</v>
      </c>
      <c r="P22" s="1" t="s">
        <v>38</v>
      </c>
      <c r="Q22" s="1" t="s">
        <v>80</v>
      </c>
      <c r="R22" s="1" t="s">
        <v>177</v>
      </c>
      <c r="S22" s="1" t="s">
        <v>80</v>
      </c>
      <c r="T22" s="1" t="s">
        <v>72</v>
      </c>
      <c r="U22" s="1">
        <v>6.7</v>
      </c>
      <c r="V22" s="3">
        <v>17000</v>
      </c>
      <c r="W22" s="1" t="s">
        <v>670</v>
      </c>
      <c r="X22" s="1">
        <v>8.5</v>
      </c>
      <c r="Y22" s="1">
        <v>0.49</v>
      </c>
      <c r="Z22" s="1">
        <v>2.4E-2</v>
      </c>
      <c r="AA22" s="1"/>
      <c r="AB22" s="1"/>
      <c r="AC22" s="1" t="s">
        <v>671</v>
      </c>
      <c r="AD22" s="1" t="s">
        <v>672</v>
      </c>
      <c r="AE22" s="1" t="s">
        <v>675</v>
      </c>
      <c r="AF22" s="1" t="s">
        <v>673</v>
      </c>
      <c r="AG22" s="1" t="s">
        <v>674</v>
      </c>
      <c r="AH22" s="1" t="s">
        <v>675</v>
      </c>
      <c r="AI22" s="1"/>
      <c r="AJ22" s="1"/>
      <c r="AK22" s="1" t="s">
        <v>676</v>
      </c>
      <c r="AL22" s="1" t="s">
        <v>676</v>
      </c>
      <c r="AM22" s="1" t="s">
        <v>676</v>
      </c>
      <c r="AN22" s="1" t="s">
        <v>676</v>
      </c>
      <c r="AO22" s="1" t="s">
        <v>676</v>
      </c>
      <c r="AP22" t="s">
        <v>676</v>
      </c>
      <c r="AQ22" s="1" t="s">
        <v>676</v>
      </c>
      <c r="AR22" s="1" t="s">
        <v>676</v>
      </c>
      <c r="AS22" s="1" t="s">
        <v>676</v>
      </c>
      <c r="AT22" s="1" t="s">
        <v>678</v>
      </c>
      <c r="AU22" s="1" t="s">
        <v>675</v>
      </c>
      <c r="AV22" s="1" t="s">
        <v>671</v>
      </c>
      <c r="AW22" s="1" t="s">
        <v>671</v>
      </c>
      <c r="AX22" s="1" t="s">
        <v>676</v>
      </c>
      <c r="AY22" s="1" t="s">
        <v>682</v>
      </c>
      <c r="AZ22" s="1" t="s">
        <v>683</v>
      </c>
      <c r="BA22" s="1">
        <v>0.05</v>
      </c>
      <c r="BB22" s="1">
        <v>0.6</v>
      </c>
      <c r="BC22" s="1">
        <v>5.7</v>
      </c>
      <c r="BD22" s="1">
        <v>6.3</v>
      </c>
      <c r="BE22" s="1" t="s">
        <v>674</v>
      </c>
      <c r="BF22" s="1" t="s">
        <v>674</v>
      </c>
      <c r="BG22" s="1">
        <v>3.8E-3</v>
      </c>
      <c r="BH22" s="1">
        <v>0.1</v>
      </c>
      <c r="BI22" s="1">
        <v>0.03</v>
      </c>
      <c r="BJ22" s="1"/>
      <c r="BK22" s="1"/>
      <c r="BL22" s="1">
        <v>1E-3</v>
      </c>
      <c r="BM22" s="1">
        <v>1.5</v>
      </c>
      <c r="BN22" s="1">
        <v>0.41</v>
      </c>
      <c r="BO22" s="1">
        <v>37</v>
      </c>
      <c r="BP22" s="1">
        <v>29</v>
      </c>
      <c r="BQ22" s="1"/>
      <c r="BR22" s="1" t="s">
        <v>689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1944444444444453</v>
      </c>
      <c r="C23" s="1" t="s">
        <v>645</v>
      </c>
      <c r="D23" s="1" t="s">
        <v>54</v>
      </c>
      <c r="E23" s="1" t="s">
        <v>28</v>
      </c>
      <c r="F23" s="1" t="s">
        <v>178</v>
      </c>
      <c r="G23" s="1" t="s">
        <v>179</v>
      </c>
      <c r="H23" s="1" t="s">
        <v>173</v>
      </c>
      <c r="I23" s="1" t="s">
        <v>180</v>
      </c>
      <c r="J23" s="1" t="s">
        <v>33</v>
      </c>
      <c r="K23" s="1" t="s">
        <v>181</v>
      </c>
      <c r="L23" s="1" t="s">
        <v>86</v>
      </c>
      <c r="N23" s="1" t="s">
        <v>36</v>
      </c>
      <c r="O23" s="1" t="s">
        <v>37</v>
      </c>
      <c r="P23" s="1" t="s">
        <v>38</v>
      </c>
      <c r="Q23" s="1" t="s">
        <v>168</v>
      </c>
      <c r="R23" s="1" t="s">
        <v>182</v>
      </c>
      <c r="S23" s="1" t="s">
        <v>183</v>
      </c>
      <c r="T23" s="1" t="s">
        <v>62</v>
      </c>
      <c r="U23" s="1">
        <v>8.9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36</v>
      </c>
      <c r="BP23" s="1">
        <v>30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4</v>
      </c>
      <c r="B24" s="2">
        <v>0.31944444444444448</v>
      </c>
      <c r="C24" s="1" t="s">
        <v>645</v>
      </c>
      <c r="D24" s="1" t="s">
        <v>27</v>
      </c>
      <c r="E24" s="1" t="s">
        <v>646</v>
      </c>
      <c r="F24" s="1" t="s">
        <v>185</v>
      </c>
      <c r="G24" s="1" t="s">
        <v>186</v>
      </c>
      <c r="H24" s="1" t="s">
        <v>173</v>
      </c>
      <c r="I24" s="1" t="s">
        <v>187</v>
      </c>
      <c r="J24" s="1" t="s">
        <v>33</v>
      </c>
      <c r="K24" s="1" t="s">
        <v>188</v>
      </c>
      <c r="L24" s="1" t="s">
        <v>176</v>
      </c>
      <c r="N24" s="1" t="s">
        <v>36</v>
      </c>
      <c r="O24" s="1" t="s">
        <v>37</v>
      </c>
      <c r="P24" s="1" t="s">
        <v>38</v>
      </c>
      <c r="Q24" s="1" t="s">
        <v>80</v>
      </c>
      <c r="R24" s="1" t="s">
        <v>189</v>
      </c>
      <c r="S24" s="1" t="s">
        <v>103</v>
      </c>
      <c r="T24" s="1" t="s">
        <v>62</v>
      </c>
      <c r="U24" s="1">
        <v>7</v>
      </c>
      <c r="V24" s="3">
        <v>7900</v>
      </c>
      <c r="W24" s="1"/>
      <c r="X24" s="1">
        <v>8.6999999999999993</v>
      </c>
      <c r="Y24" s="1">
        <v>0.35</v>
      </c>
      <c r="Z24" s="1">
        <v>3.1E-2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52</v>
      </c>
      <c r="BC24" s="1">
        <v>4.7</v>
      </c>
      <c r="BD24" s="1">
        <v>5.2</v>
      </c>
      <c r="BE24" s="1"/>
      <c r="BF24" s="1"/>
      <c r="BG24" s="1"/>
      <c r="BH24" s="1"/>
      <c r="BI24" s="1"/>
      <c r="BJ24" s="1"/>
      <c r="BK24" s="1"/>
      <c r="BL24" s="1"/>
      <c r="BM24" s="1">
        <v>1.7</v>
      </c>
      <c r="BN24" s="1">
        <v>0.28999999999999998</v>
      </c>
      <c r="BO24" s="1">
        <v>40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1597222222222221</v>
      </c>
      <c r="C25" s="1" t="s">
        <v>645</v>
      </c>
      <c r="D25" s="1" t="s">
        <v>27</v>
      </c>
      <c r="E25" s="1" t="s">
        <v>646</v>
      </c>
      <c r="F25" s="1" t="s">
        <v>190</v>
      </c>
      <c r="G25" s="1" t="s">
        <v>191</v>
      </c>
      <c r="H25" s="1" t="s">
        <v>91</v>
      </c>
      <c r="I25" s="1" t="s">
        <v>192</v>
      </c>
      <c r="J25" s="1" t="s">
        <v>33</v>
      </c>
      <c r="K25" s="1" t="s">
        <v>93</v>
      </c>
      <c r="L25" s="1" t="s">
        <v>193</v>
      </c>
      <c r="N25" s="1" t="s">
        <v>36</v>
      </c>
      <c r="O25" s="1" t="s">
        <v>37</v>
      </c>
      <c r="P25" s="1" t="s">
        <v>38</v>
      </c>
      <c r="Q25" s="1" t="s">
        <v>168</v>
      </c>
      <c r="R25" s="1" t="s">
        <v>194</v>
      </c>
      <c r="S25" s="1" t="s">
        <v>195</v>
      </c>
      <c r="T25" s="1" t="s">
        <v>42</v>
      </c>
      <c r="U25" s="1">
        <v>8.5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37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6</v>
      </c>
      <c r="B26" s="2">
        <v>0.31944444444444448</v>
      </c>
      <c r="C26" s="1" t="s">
        <v>645</v>
      </c>
      <c r="D26" s="1" t="s">
        <v>27</v>
      </c>
      <c r="E26" s="1" t="s">
        <v>646</v>
      </c>
      <c r="F26" s="1" t="s">
        <v>197</v>
      </c>
      <c r="G26" s="1" t="s">
        <v>198</v>
      </c>
      <c r="H26" s="1" t="s">
        <v>157</v>
      </c>
      <c r="I26" s="1" t="s">
        <v>199</v>
      </c>
      <c r="J26" s="1" t="s">
        <v>33</v>
      </c>
      <c r="K26" s="1" t="s">
        <v>200</v>
      </c>
      <c r="L26" s="1" t="s">
        <v>176</v>
      </c>
      <c r="N26" s="1" t="s">
        <v>36</v>
      </c>
      <c r="O26" s="1" t="s">
        <v>37</v>
      </c>
      <c r="P26" s="1" t="s">
        <v>38</v>
      </c>
      <c r="Q26" s="1" t="s">
        <v>49</v>
      </c>
      <c r="R26" s="1" t="s">
        <v>201</v>
      </c>
      <c r="S26" s="1" t="s">
        <v>61</v>
      </c>
      <c r="T26" s="1" t="s">
        <v>42</v>
      </c>
      <c r="U26" s="1">
        <v>8</v>
      </c>
      <c r="V26" s="3">
        <v>2300</v>
      </c>
      <c r="W26" s="1"/>
      <c r="X26" s="1">
        <v>5</v>
      </c>
      <c r="Y26" s="1">
        <v>0.31</v>
      </c>
      <c r="Z26" s="1">
        <v>2.7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28000000000000003</v>
      </c>
      <c r="BC26" s="1">
        <v>4</v>
      </c>
      <c r="BD26" s="1">
        <v>4.2</v>
      </c>
      <c r="BE26" s="1"/>
      <c r="BF26" s="1"/>
      <c r="BG26" s="1"/>
      <c r="BH26" s="1"/>
      <c r="BI26" s="1"/>
      <c r="BJ26" s="1"/>
      <c r="BK26" s="1"/>
      <c r="BL26" s="1"/>
      <c r="BM26" s="1">
        <v>0.28000000000000003</v>
      </c>
      <c r="BN26" s="1">
        <v>0.26</v>
      </c>
      <c r="BO26" s="1">
        <v>34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1944444444444453</v>
      </c>
      <c r="C27" s="1" t="s">
        <v>645</v>
      </c>
      <c r="D27" s="1" t="s">
        <v>27</v>
      </c>
      <c r="E27" s="1" t="s">
        <v>646</v>
      </c>
      <c r="F27" s="1" t="s">
        <v>202</v>
      </c>
      <c r="G27" s="1" t="s">
        <v>203</v>
      </c>
      <c r="H27" s="1" t="s">
        <v>173</v>
      </c>
      <c r="I27" s="1" t="s">
        <v>204</v>
      </c>
      <c r="J27" s="1" t="s">
        <v>33</v>
      </c>
      <c r="K27" s="1" t="s">
        <v>181</v>
      </c>
      <c r="L27" s="1" t="s">
        <v>48</v>
      </c>
      <c r="N27" s="1" t="s">
        <v>36</v>
      </c>
      <c r="O27" s="1" t="s">
        <v>37</v>
      </c>
      <c r="P27" s="1" t="s">
        <v>38</v>
      </c>
      <c r="Q27" s="1" t="s">
        <v>49</v>
      </c>
      <c r="R27" s="1" t="s">
        <v>205</v>
      </c>
      <c r="S27" s="1" t="s">
        <v>205</v>
      </c>
      <c r="T27" s="1" t="s">
        <v>206</v>
      </c>
      <c r="U27" s="1">
        <v>9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33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</sheetData>
  <phoneticPr fontId="18"/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9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60</v>
      </c>
      <c r="C1" s="1" t="s">
        <v>1</v>
      </c>
      <c r="D1" s="1" t="s">
        <v>661</v>
      </c>
      <c r="E1" s="1" t="s">
        <v>2</v>
      </c>
      <c r="F1" s="1" t="s">
        <v>649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7</v>
      </c>
      <c r="AB2" s="1" t="s">
        <v>705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7083333333333331</v>
      </c>
      <c r="C4" s="1" t="s">
        <v>645</v>
      </c>
      <c r="D4" s="1" t="s">
        <v>27</v>
      </c>
      <c r="F4" s="1" t="s">
        <v>349</v>
      </c>
      <c r="G4" s="1" t="s">
        <v>359</v>
      </c>
      <c r="I4" s="1" t="s">
        <v>506</v>
      </c>
      <c r="J4" s="1" t="s">
        <v>225</v>
      </c>
      <c r="K4" s="1" t="s">
        <v>182</v>
      </c>
      <c r="L4" s="1" t="s">
        <v>68</v>
      </c>
      <c r="O4" s="1" t="s">
        <v>212</v>
      </c>
      <c r="P4" s="1" t="s">
        <v>38</v>
      </c>
      <c r="Q4" s="1" t="s">
        <v>168</v>
      </c>
      <c r="R4" s="1" t="s">
        <v>129</v>
      </c>
      <c r="S4" s="1" t="s">
        <v>80</v>
      </c>
      <c r="T4" s="1" t="s">
        <v>119</v>
      </c>
      <c r="U4" s="1">
        <v>7.4</v>
      </c>
      <c r="V4" s="1">
        <v>70</v>
      </c>
      <c r="W4" s="1"/>
      <c r="X4" s="1">
        <v>8.5</v>
      </c>
      <c r="Y4" s="1">
        <v>0.25</v>
      </c>
      <c r="Z4" s="1">
        <v>2.1000000000000001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5</v>
      </c>
      <c r="BC4" s="1">
        <v>5.2</v>
      </c>
      <c r="BD4" s="1">
        <v>5.3</v>
      </c>
      <c r="BE4" s="1"/>
      <c r="BF4" s="1"/>
      <c r="BG4" s="1"/>
      <c r="BH4" s="1"/>
      <c r="BI4" s="1"/>
      <c r="BJ4" s="1"/>
      <c r="BK4" s="1"/>
      <c r="BL4" s="1"/>
      <c r="BM4" s="1">
        <v>2.1</v>
      </c>
      <c r="BN4" s="1">
        <v>0.18</v>
      </c>
      <c r="BO4" s="1">
        <v>340</v>
      </c>
      <c r="BP4" s="1">
        <v>90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53</v>
      </c>
      <c r="B5" s="2">
        <v>0.38194444444444442</v>
      </c>
      <c r="C5" s="1" t="s">
        <v>645</v>
      </c>
      <c r="D5" s="1" t="s">
        <v>54</v>
      </c>
      <c r="F5" s="1" t="s">
        <v>441</v>
      </c>
      <c r="G5" s="1" t="s">
        <v>425</v>
      </c>
      <c r="I5" s="1" t="s">
        <v>507</v>
      </c>
      <c r="J5" s="1" t="s">
        <v>508</v>
      </c>
      <c r="K5" s="1" t="s">
        <v>385</v>
      </c>
      <c r="L5" s="1" t="s">
        <v>68</v>
      </c>
      <c r="O5" s="1" t="s">
        <v>212</v>
      </c>
      <c r="P5" s="1" t="s">
        <v>38</v>
      </c>
      <c r="Q5" s="1" t="s">
        <v>213</v>
      </c>
      <c r="R5" s="1" t="s">
        <v>129</v>
      </c>
      <c r="S5" s="1" t="s">
        <v>130</v>
      </c>
      <c r="T5" s="1" t="s">
        <v>131</v>
      </c>
      <c r="U5" s="1">
        <v>7</v>
      </c>
      <c r="V5" s="1">
        <v>49</v>
      </c>
      <c r="W5" s="1"/>
      <c r="X5" s="1">
        <v>6.6</v>
      </c>
      <c r="Y5" s="1">
        <v>0.33</v>
      </c>
      <c r="Z5" s="1">
        <v>7.0000000000000001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3.5999999999999997E-2</v>
      </c>
      <c r="BC5" s="1">
        <v>5.8</v>
      </c>
      <c r="BD5" s="1">
        <v>5.8</v>
      </c>
      <c r="BE5" s="1"/>
      <c r="BF5" s="1"/>
      <c r="BG5" s="1"/>
      <c r="BH5" s="1"/>
      <c r="BI5" s="1"/>
      <c r="BJ5" s="1"/>
      <c r="BK5" s="1"/>
      <c r="BL5" s="1"/>
      <c r="BM5" s="1">
        <v>0.27</v>
      </c>
      <c r="BN5" s="1">
        <v>0.28000000000000003</v>
      </c>
      <c r="BO5" s="1">
        <v>76</v>
      </c>
      <c r="BP5" s="1">
        <v>140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27</v>
      </c>
      <c r="B6" s="2">
        <v>0.125</v>
      </c>
      <c r="C6" s="1" t="s">
        <v>645</v>
      </c>
      <c r="D6" s="1" t="s">
        <v>27</v>
      </c>
      <c r="F6" s="1" t="s">
        <v>304</v>
      </c>
      <c r="G6" s="1" t="s">
        <v>325</v>
      </c>
      <c r="I6" s="1" t="s">
        <v>509</v>
      </c>
      <c r="J6" s="1" t="s">
        <v>230</v>
      </c>
      <c r="K6" s="1" t="s">
        <v>510</v>
      </c>
      <c r="L6" s="1" t="s">
        <v>68</v>
      </c>
      <c r="O6" s="1" t="s">
        <v>212</v>
      </c>
      <c r="P6" s="1" t="s">
        <v>38</v>
      </c>
      <c r="Q6" s="1" t="s">
        <v>213</v>
      </c>
      <c r="R6" s="1" t="s">
        <v>70</v>
      </c>
      <c r="S6" s="1" t="s">
        <v>224</v>
      </c>
      <c r="T6" s="1" t="s">
        <v>62</v>
      </c>
      <c r="U6" s="1">
        <v>6.9</v>
      </c>
      <c r="V6" s="1">
        <v>79</v>
      </c>
      <c r="W6" s="1"/>
      <c r="X6" s="1">
        <v>7.1</v>
      </c>
      <c r="Y6" s="1">
        <v>0.34</v>
      </c>
      <c r="Z6" s="1">
        <v>1.7000000000000001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14000000000000001</v>
      </c>
      <c r="BC6" s="1">
        <v>5.2</v>
      </c>
      <c r="BD6" s="1">
        <v>5.3</v>
      </c>
      <c r="BE6" s="1"/>
      <c r="BF6" s="1"/>
      <c r="BG6" s="1"/>
      <c r="BH6" s="1"/>
      <c r="BI6" s="1"/>
      <c r="BJ6" s="1"/>
      <c r="BK6" s="1"/>
      <c r="BL6" s="1"/>
      <c r="BM6" s="1">
        <v>1.7</v>
      </c>
      <c r="BN6" s="1">
        <v>0.28999999999999998</v>
      </c>
      <c r="BO6" s="1">
        <v>370</v>
      </c>
      <c r="BP6" s="1">
        <v>96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8</v>
      </c>
      <c r="B7" s="2">
        <v>0.46527777777777773</v>
      </c>
      <c r="C7" s="1" t="s">
        <v>645</v>
      </c>
      <c r="D7" s="1" t="s">
        <v>27</v>
      </c>
      <c r="F7" s="1" t="s">
        <v>511</v>
      </c>
      <c r="G7" s="1" t="s">
        <v>512</v>
      </c>
      <c r="I7" s="1" t="s">
        <v>513</v>
      </c>
      <c r="J7" s="1" t="s">
        <v>254</v>
      </c>
      <c r="K7" s="1" t="s">
        <v>70</v>
      </c>
      <c r="L7" s="1" t="s">
        <v>68</v>
      </c>
      <c r="O7" s="1" t="s">
        <v>212</v>
      </c>
      <c r="P7" s="1" t="s">
        <v>38</v>
      </c>
      <c r="Q7" s="1" t="s">
        <v>195</v>
      </c>
      <c r="R7" s="1" t="s">
        <v>131</v>
      </c>
      <c r="S7" s="1" t="s">
        <v>206</v>
      </c>
      <c r="T7" s="1" t="s">
        <v>119</v>
      </c>
      <c r="U7" s="1">
        <v>6.9</v>
      </c>
      <c r="V7" s="1">
        <v>790</v>
      </c>
      <c r="W7" s="1"/>
      <c r="X7" s="1">
        <v>7</v>
      </c>
      <c r="Y7" s="1">
        <v>0.17</v>
      </c>
      <c r="Z7" s="1">
        <v>0.02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12</v>
      </c>
      <c r="BC7" s="1">
        <v>5.6</v>
      </c>
      <c r="BD7" s="1">
        <v>5.7</v>
      </c>
      <c r="BE7" s="1"/>
      <c r="BF7" s="1"/>
      <c r="BG7" s="1"/>
      <c r="BH7" s="1"/>
      <c r="BI7" s="1"/>
      <c r="BJ7" s="1"/>
      <c r="BK7" s="1"/>
      <c r="BL7" s="1"/>
      <c r="BM7" s="1">
        <v>0.64</v>
      </c>
      <c r="BN7" s="1">
        <v>0.13</v>
      </c>
      <c r="BO7" s="1">
        <v>79</v>
      </c>
      <c r="BP7" s="1">
        <v>10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44</v>
      </c>
      <c r="B8" s="2">
        <v>0.20486111111111113</v>
      </c>
      <c r="C8" s="1" t="s">
        <v>645</v>
      </c>
      <c r="D8" s="1" t="s">
        <v>27</v>
      </c>
      <c r="F8" s="1" t="s">
        <v>121</v>
      </c>
      <c r="G8" s="1" t="s">
        <v>315</v>
      </c>
      <c r="I8" s="1" t="s">
        <v>514</v>
      </c>
      <c r="J8" s="1" t="s">
        <v>240</v>
      </c>
      <c r="K8" s="1" t="s">
        <v>515</v>
      </c>
      <c r="L8" s="1" t="s">
        <v>68</v>
      </c>
      <c r="O8" s="1" t="s">
        <v>212</v>
      </c>
      <c r="P8" s="1" t="s">
        <v>38</v>
      </c>
      <c r="Q8" s="1" t="s">
        <v>195</v>
      </c>
      <c r="R8" s="1" t="s">
        <v>381</v>
      </c>
      <c r="S8" s="1" t="s">
        <v>224</v>
      </c>
      <c r="T8" s="1" t="s">
        <v>42</v>
      </c>
      <c r="U8" s="1">
        <v>6.9</v>
      </c>
      <c r="V8" s="1">
        <v>33</v>
      </c>
      <c r="W8" s="1"/>
      <c r="X8" s="1">
        <v>6.9</v>
      </c>
      <c r="Y8" s="1">
        <v>0.27</v>
      </c>
      <c r="Z8" s="1">
        <v>2.3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9.1999999999999998E-2</v>
      </c>
      <c r="BC8" s="1">
        <v>5.5</v>
      </c>
      <c r="BD8" s="1">
        <v>5.5</v>
      </c>
      <c r="BE8" s="1"/>
      <c r="BF8" s="1"/>
      <c r="BG8" s="1"/>
      <c r="BH8" s="1"/>
      <c r="BI8" s="1"/>
      <c r="BJ8" s="1"/>
      <c r="BK8" s="1"/>
      <c r="BL8" s="1"/>
      <c r="BM8" s="1">
        <v>1.2</v>
      </c>
      <c r="BN8" s="1">
        <v>0.22</v>
      </c>
      <c r="BO8" s="1">
        <v>500</v>
      </c>
      <c r="BP8" s="1">
        <v>150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49</v>
      </c>
      <c r="B9" s="2">
        <v>0.29166666666666669</v>
      </c>
      <c r="C9" s="1" t="s">
        <v>645</v>
      </c>
      <c r="D9" s="1" t="s">
        <v>27</v>
      </c>
      <c r="F9" s="1" t="s">
        <v>228</v>
      </c>
      <c r="G9" s="1" t="s">
        <v>252</v>
      </c>
      <c r="I9" s="1" t="s">
        <v>516</v>
      </c>
      <c r="J9" s="1" t="s">
        <v>291</v>
      </c>
      <c r="K9" s="1" t="s">
        <v>517</v>
      </c>
      <c r="L9" s="1" t="s">
        <v>68</v>
      </c>
      <c r="O9" s="1" t="s">
        <v>212</v>
      </c>
      <c r="P9" s="1" t="s">
        <v>38</v>
      </c>
      <c r="Q9" s="1" t="s">
        <v>195</v>
      </c>
      <c r="R9" s="1" t="s">
        <v>129</v>
      </c>
      <c r="S9" s="1" t="s">
        <v>221</v>
      </c>
      <c r="T9" s="1" t="s">
        <v>72</v>
      </c>
      <c r="U9" s="1">
        <v>7.9</v>
      </c>
      <c r="V9" s="1">
        <v>14</v>
      </c>
      <c r="W9" s="1"/>
      <c r="X9" s="1">
        <v>4.8</v>
      </c>
      <c r="Y9" s="1">
        <v>0.44</v>
      </c>
      <c r="Z9" s="1">
        <v>2.1000000000000001E-2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4</v>
      </c>
      <c r="BC9" s="1">
        <v>4</v>
      </c>
      <c r="BD9" s="1">
        <v>4</v>
      </c>
      <c r="BE9" s="1"/>
      <c r="BF9" s="1"/>
      <c r="BG9" s="1"/>
      <c r="BH9" s="1"/>
      <c r="BI9" s="1"/>
      <c r="BJ9" s="1"/>
      <c r="BK9" s="1"/>
      <c r="BL9" s="1"/>
      <c r="BM9" s="1">
        <v>0.43</v>
      </c>
      <c r="BN9" s="1">
        <v>0.37</v>
      </c>
      <c r="BO9" s="1">
        <v>83</v>
      </c>
      <c r="BP9" s="1">
        <v>140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55</v>
      </c>
      <c r="B10" s="2">
        <v>4.5138888888888888E-2</v>
      </c>
      <c r="C10" s="1" t="s">
        <v>645</v>
      </c>
      <c r="D10" s="1" t="s">
        <v>27</v>
      </c>
      <c r="F10" s="1" t="s">
        <v>144</v>
      </c>
      <c r="G10" s="1" t="s">
        <v>390</v>
      </c>
      <c r="I10" s="1" t="s">
        <v>518</v>
      </c>
      <c r="J10" s="1" t="s">
        <v>235</v>
      </c>
      <c r="K10" s="1" t="s">
        <v>111</v>
      </c>
      <c r="L10" s="1" t="s">
        <v>68</v>
      </c>
      <c r="O10" s="1" t="s">
        <v>212</v>
      </c>
      <c r="P10" s="1" t="s">
        <v>38</v>
      </c>
      <c r="Q10" s="1" t="s">
        <v>213</v>
      </c>
      <c r="R10" s="1" t="s">
        <v>381</v>
      </c>
      <c r="S10" s="1" t="s">
        <v>236</v>
      </c>
      <c r="T10" s="1" t="s">
        <v>119</v>
      </c>
      <c r="U10" s="1">
        <v>7.2</v>
      </c>
      <c r="V10" s="1">
        <v>23</v>
      </c>
      <c r="W10" s="1"/>
      <c r="X10" s="1">
        <v>7.2</v>
      </c>
      <c r="Y10" s="1">
        <v>0.25</v>
      </c>
      <c r="Z10" s="1">
        <v>1.9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4.2999999999999997E-2</v>
      </c>
      <c r="BC10" s="1">
        <v>6.1</v>
      </c>
      <c r="BD10" s="1">
        <v>6.1</v>
      </c>
      <c r="BE10" s="1"/>
      <c r="BF10" s="1"/>
      <c r="BG10" s="1"/>
      <c r="BH10" s="1"/>
      <c r="BI10" s="1"/>
      <c r="BJ10" s="1"/>
      <c r="BK10" s="1"/>
      <c r="BL10" s="1"/>
      <c r="BM10" s="1">
        <v>0.28000000000000003</v>
      </c>
      <c r="BN10" s="1">
        <v>0.21</v>
      </c>
      <c r="BO10" s="1">
        <v>690</v>
      </c>
      <c r="BP10" s="1">
        <v>19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60</v>
      </c>
      <c r="B11" s="2">
        <v>0.3527777777777778</v>
      </c>
      <c r="C11" s="1" t="s">
        <v>645</v>
      </c>
      <c r="D11" s="1" t="s">
        <v>27</v>
      </c>
      <c r="F11" s="1" t="s">
        <v>145</v>
      </c>
      <c r="G11" s="1" t="s">
        <v>145</v>
      </c>
      <c r="I11" s="1" t="s">
        <v>519</v>
      </c>
      <c r="J11" s="1" t="s">
        <v>235</v>
      </c>
      <c r="K11" s="1" t="s">
        <v>111</v>
      </c>
      <c r="L11" s="1" t="s">
        <v>68</v>
      </c>
      <c r="O11" s="1" t="s">
        <v>212</v>
      </c>
      <c r="P11" s="1" t="s">
        <v>38</v>
      </c>
      <c r="Q11" s="1" t="s">
        <v>224</v>
      </c>
      <c r="R11" s="1" t="s">
        <v>306</v>
      </c>
      <c r="S11" s="1" t="s">
        <v>161</v>
      </c>
      <c r="T11" s="1" t="s">
        <v>62</v>
      </c>
      <c r="U11" s="1">
        <v>7.8</v>
      </c>
      <c r="V11" s="1">
        <v>33</v>
      </c>
      <c r="W11" s="1"/>
      <c r="X11" s="1">
        <v>3.3</v>
      </c>
      <c r="Y11" s="1">
        <v>0.22</v>
      </c>
      <c r="Z11" s="1">
        <v>2.4E-2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1.4999999999999999E-2</v>
      </c>
      <c r="BC11" s="1">
        <v>2.7</v>
      </c>
      <c r="BD11" s="1">
        <v>2.7</v>
      </c>
      <c r="BE11" s="1"/>
      <c r="BF11" s="1"/>
      <c r="BG11" s="1"/>
      <c r="BH11" s="1"/>
      <c r="BI11" s="1"/>
      <c r="BJ11" s="1"/>
      <c r="BK11" s="1"/>
      <c r="BL11" s="1"/>
      <c r="BM11" s="1">
        <v>0.12</v>
      </c>
      <c r="BN11" s="1">
        <v>0.17</v>
      </c>
      <c r="BO11" s="1">
        <v>20</v>
      </c>
      <c r="BP11" s="1">
        <v>25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54</v>
      </c>
      <c r="B12" s="2">
        <v>0.34027777777777773</v>
      </c>
      <c r="C12" s="1" t="s">
        <v>645</v>
      </c>
      <c r="D12" s="1" t="s">
        <v>27</v>
      </c>
      <c r="F12" s="1" t="s">
        <v>156</v>
      </c>
      <c r="G12" s="1" t="s">
        <v>359</v>
      </c>
      <c r="I12" s="1" t="s">
        <v>520</v>
      </c>
      <c r="J12" s="1" t="s">
        <v>235</v>
      </c>
      <c r="K12" s="1" t="s">
        <v>111</v>
      </c>
      <c r="L12" s="1" t="s">
        <v>110</v>
      </c>
      <c r="O12" s="1" t="s">
        <v>212</v>
      </c>
      <c r="P12" s="1" t="s">
        <v>38</v>
      </c>
      <c r="Q12" s="1" t="s">
        <v>213</v>
      </c>
      <c r="R12" s="1" t="s">
        <v>125</v>
      </c>
      <c r="S12" s="1" t="s">
        <v>126</v>
      </c>
      <c r="T12" s="1" t="s">
        <v>42</v>
      </c>
      <c r="U12" s="1">
        <v>6.6</v>
      </c>
      <c r="V12" s="1">
        <v>2300</v>
      </c>
      <c r="W12" s="1"/>
      <c r="X12" s="1">
        <v>6.6</v>
      </c>
      <c r="Y12" s="1">
        <v>0.28000000000000003</v>
      </c>
      <c r="Z12" s="1">
        <v>2.1999999999999999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11</v>
      </c>
      <c r="BC12" s="1">
        <v>5.7</v>
      </c>
      <c r="BD12" s="1">
        <v>5.8</v>
      </c>
      <c r="BE12" s="1"/>
      <c r="BF12" s="1"/>
      <c r="BG12" s="1"/>
      <c r="BH12" s="1"/>
      <c r="BI12" s="1"/>
      <c r="BJ12" s="1"/>
      <c r="BK12" s="1"/>
      <c r="BL12" s="1"/>
      <c r="BM12" s="1">
        <v>0.72</v>
      </c>
      <c r="BN12" s="1">
        <v>0.25</v>
      </c>
      <c r="BO12" s="1">
        <v>730</v>
      </c>
      <c r="BP12" s="1">
        <v>22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0</v>
      </c>
      <c r="B13" s="2">
        <v>0.46527777777777773</v>
      </c>
      <c r="C13" s="1" t="s">
        <v>645</v>
      </c>
      <c r="D13" s="1" t="s">
        <v>54</v>
      </c>
      <c r="F13" s="1" t="s">
        <v>112</v>
      </c>
      <c r="G13" s="1" t="s">
        <v>521</v>
      </c>
      <c r="I13" s="1" t="s">
        <v>522</v>
      </c>
      <c r="J13" s="1" t="s">
        <v>235</v>
      </c>
      <c r="K13" s="1" t="s">
        <v>111</v>
      </c>
      <c r="L13" s="1" t="s">
        <v>176</v>
      </c>
      <c r="O13" s="1" t="s">
        <v>212</v>
      </c>
      <c r="P13" s="1" t="s">
        <v>38</v>
      </c>
      <c r="Q13" s="1" t="s">
        <v>215</v>
      </c>
      <c r="R13" s="1" t="s">
        <v>152</v>
      </c>
      <c r="S13" s="1" t="s">
        <v>190</v>
      </c>
      <c r="T13" s="1" t="s">
        <v>62</v>
      </c>
      <c r="U13" s="1">
        <v>7.4</v>
      </c>
      <c r="V13" s="1">
        <v>140</v>
      </c>
      <c r="W13" s="1"/>
      <c r="X13" s="1">
        <v>8.6</v>
      </c>
      <c r="Y13" s="1">
        <v>0.35</v>
      </c>
      <c r="Z13" s="1">
        <v>2.1000000000000001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21</v>
      </c>
      <c r="BC13" s="1">
        <v>7</v>
      </c>
      <c r="BD13" s="1">
        <v>7.2</v>
      </c>
      <c r="BE13" s="1"/>
      <c r="BF13" s="1"/>
      <c r="BG13" s="1"/>
      <c r="BH13" s="1"/>
      <c r="BI13" s="1"/>
      <c r="BJ13" s="1"/>
      <c r="BK13" s="1"/>
      <c r="BL13" s="1"/>
      <c r="BM13" s="1">
        <v>1</v>
      </c>
      <c r="BN13" s="1">
        <v>0.27</v>
      </c>
      <c r="BO13" s="1">
        <v>1400</v>
      </c>
      <c r="BP13" s="1">
        <v>430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84</v>
      </c>
      <c r="B14" s="2">
        <v>0.1111111111111111</v>
      </c>
      <c r="C14" s="1" t="s">
        <v>645</v>
      </c>
      <c r="D14" s="1" t="s">
        <v>27</v>
      </c>
      <c r="F14" s="1" t="s">
        <v>72</v>
      </c>
      <c r="G14" s="1" t="s">
        <v>366</v>
      </c>
      <c r="I14" s="1" t="s">
        <v>523</v>
      </c>
      <c r="J14" s="1" t="s">
        <v>240</v>
      </c>
      <c r="K14" s="1" t="s">
        <v>524</v>
      </c>
      <c r="L14" s="1" t="s">
        <v>68</v>
      </c>
      <c r="O14" s="1" t="s">
        <v>212</v>
      </c>
      <c r="P14" s="1" t="s">
        <v>38</v>
      </c>
      <c r="Q14" s="1" t="s">
        <v>168</v>
      </c>
      <c r="R14" s="1" t="s">
        <v>81</v>
      </c>
      <c r="S14" s="1" t="s">
        <v>95</v>
      </c>
      <c r="T14" s="1" t="s">
        <v>119</v>
      </c>
      <c r="U14" s="1">
        <v>7.4</v>
      </c>
      <c r="V14" s="1">
        <v>4</v>
      </c>
      <c r="W14" s="1"/>
      <c r="X14" s="1">
        <v>10</v>
      </c>
      <c r="Y14" s="1">
        <v>0.7</v>
      </c>
      <c r="Z14" s="1">
        <v>0.0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19</v>
      </c>
      <c r="BC14" s="1">
        <v>6.5</v>
      </c>
      <c r="BD14" s="1">
        <v>6.6</v>
      </c>
      <c r="BE14" s="1"/>
      <c r="BF14" s="1"/>
      <c r="BG14" s="1"/>
      <c r="BH14" s="1"/>
      <c r="BI14" s="1"/>
      <c r="BJ14" s="1"/>
      <c r="BK14" s="1"/>
      <c r="BL14" s="1"/>
      <c r="BM14" s="1">
        <v>3.2</v>
      </c>
      <c r="BN14" s="1">
        <v>0.6</v>
      </c>
      <c r="BO14" s="1">
        <v>830</v>
      </c>
      <c r="BP14" s="1">
        <v>30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6</v>
      </c>
      <c r="B15" s="2">
        <v>0.43055555555555558</v>
      </c>
      <c r="C15" s="1" t="s">
        <v>645</v>
      </c>
      <c r="D15" s="1" t="s">
        <v>27</v>
      </c>
      <c r="F15" s="1" t="s">
        <v>525</v>
      </c>
      <c r="G15" s="1" t="s">
        <v>445</v>
      </c>
      <c r="I15" s="1" t="s">
        <v>526</v>
      </c>
      <c r="J15" s="1" t="s">
        <v>219</v>
      </c>
      <c r="K15" s="1" t="s">
        <v>72</v>
      </c>
      <c r="L15" s="1" t="s">
        <v>68</v>
      </c>
      <c r="O15" s="1" t="s">
        <v>212</v>
      </c>
      <c r="P15" s="1" t="s">
        <v>38</v>
      </c>
      <c r="Q15" s="1" t="s">
        <v>231</v>
      </c>
      <c r="R15" s="1" t="s">
        <v>496</v>
      </c>
      <c r="S15" s="1" t="s">
        <v>153</v>
      </c>
      <c r="T15" s="1" t="s">
        <v>119</v>
      </c>
      <c r="U15" s="1">
        <v>7.7</v>
      </c>
      <c r="V15" s="1">
        <v>33</v>
      </c>
      <c r="W15" s="1"/>
      <c r="X15" s="1">
        <v>6.3</v>
      </c>
      <c r="Y15" s="1">
        <v>0.47</v>
      </c>
      <c r="Z15" s="1">
        <v>4.2000000000000003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0.08</v>
      </c>
      <c r="BC15" s="1">
        <v>5.3</v>
      </c>
      <c r="BD15" s="1">
        <v>5.3</v>
      </c>
      <c r="BE15" s="1"/>
      <c r="BF15" s="1"/>
      <c r="BG15" s="1"/>
      <c r="BH15" s="1"/>
      <c r="BI15" s="1"/>
      <c r="BJ15" s="1"/>
      <c r="BK15" s="1"/>
      <c r="BL15" s="1"/>
      <c r="BM15" s="1">
        <v>0.86</v>
      </c>
      <c r="BN15" s="1">
        <v>0.39</v>
      </c>
      <c r="BO15" s="1">
        <v>210</v>
      </c>
      <c r="BP15" s="1">
        <v>69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12" spans="21:21" x14ac:dyDescent="0.15">
      <c r="U212" s="1"/>
    </row>
    <row r="213" spans="21:21" x14ac:dyDescent="0.15">
      <c r="U213" s="1"/>
    </row>
    <row r="214" spans="21:21" x14ac:dyDescent="0.15">
      <c r="U214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</sheetData>
  <phoneticPr fontId="18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0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62</v>
      </c>
      <c r="C1" s="1" t="s">
        <v>1</v>
      </c>
      <c r="D1" s="1" t="s">
        <v>663</v>
      </c>
      <c r="E1" s="1" t="s">
        <v>2</v>
      </c>
      <c r="F1" s="1" t="s">
        <v>636</v>
      </c>
      <c r="G1" s="1" t="s">
        <v>3</v>
      </c>
      <c r="H1" s="1" t="s">
        <v>6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5</v>
      </c>
      <c r="AB2" s="1" t="s">
        <v>707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3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9583333333333331</v>
      </c>
      <c r="C4" s="1" t="s">
        <v>645</v>
      </c>
      <c r="D4" s="1" t="s">
        <v>27</v>
      </c>
      <c r="E4" s="1" t="s">
        <v>28</v>
      </c>
      <c r="F4" s="1" t="s">
        <v>266</v>
      </c>
      <c r="G4" s="1" t="s">
        <v>527</v>
      </c>
      <c r="H4" s="1" t="s">
        <v>157</v>
      </c>
      <c r="I4" s="1" t="s">
        <v>225</v>
      </c>
      <c r="J4" s="1" t="s">
        <v>528</v>
      </c>
      <c r="K4" s="1" t="s">
        <v>401</v>
      </c>
      <c r="L4" s="1" t="s">
        <v>68</v>
      </c>
      <c r="N4" s="1" t="s">
        <v>36</v>
      </c>
      <c r="O4" s="1" t="s">
        <v>465</v>
      </c>
      <c r="P4" s="1" t="s">
        <v>529</v>
      </c>
      <c r="Q4" s="1" t="s">
        <v>195</v>
      </c>
      <c r="R4" s="1" t="s">
        <v>201</v>
      </c>
      <c r="S4" s="1" t="s">
        <v>95</v>
      </c>
      <c r="T4" s="1" t="s">
        <v>72</v>
      </c>
      <c r="U4" s="1">
        <v>9.4</v>
      </c>
      <c r="V4" s="3">
        <v>11000</v>
      </c>
      <c r="W4" s="1"/>
      <c r="X4" s="1">
        <v>5.4</v>
      </c>
      <c r="Y4" s="1">
        <v>1</v>
      </c>
      <c r="Z4" s="1">
        <v>3.2000000000000001E-2</v>
      </c>
      <c r="AA4" s="1" t="s">
        <v>714</v>
      </c>
      <c r="AB4" s="1" t="s">
        <v>715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4.5</v>
      </c>
      <c r="BD4" s="1">
        <v>4.5</v>
      </c>
      <c r="BE4" s="1"/>
      <c r="BF4" s="1"/>
      <c r="BG4" s="1"/>
      <c r="BH4" s="1"/>
      <c r="BI4" s="1"/>
      <c r="BJ4" s="1"/>
      <c r="BK4" s="1"/>
      <c r="BL4" s="1"/>
      <c r="BM4" s="1">
        <v>0.15</v>
      </c>
      <c r="BN4" s="1">
        <v>0.98</v>
      </c>
      <c r="BO4" s="1">
        <v>35</v>
      </c>
      <c r="BP4" s="1">
        <v>31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9583333333333337</v>
      </c>
      <c r="C5" s="1" t="s">
        <v>645</v>
      </c>
      <c r="D5" s="1" t="s">
        <v>27</v>
      </c>
      <c r="E5" s="1" t="s">
        <v>28</v>
      </c>
      <c r="F5" s="1" t="s">
        <v>530</v>
      </c>
      <c r="G5" s="1" t="s">
        <v>527</v>
      </c>
      <c r="H5" s="1" t="s">
        <v>31</v>
      </c>
      <c r="I5" s="1" t="s">
        <v>531</v>
      </c>
      <c r="J5" s="1" t="s">
        <v>528</v>
      </c>
      <c r="K5" s="1" t="s">
        <v>401</v>
      </c>
      <c r="N5" s="1" t="s">
        <v>36</v>
      </c>
      <c r="P5" s="1" t="s">
        <v>529</v>
      </c>
      <c r="Q5" s="1" t="s">
        <v>231</v>
      </c>
      <c r="R5" s="1" t="s">
        <v>257</v>
      </c>
      <c r="S5" s="1" t="s">
        <v>103</v>
      </c>
      <c r="T5" s="1" t="s">
        <v>119</v>
      </c>
      <c r="U5" s="1">
        <v>6.7</v>
      </c>
      <c r="V5" s="1"/>
      <c r="W5" s="1"/>
      <c r="X5" s="1">
        <v>6.9</v>
      </c>
      <c r="Y5" s="1">
        <v>1.2</v>
      </c>
      <c r="Z5" s="1"/>
      <c r="AA5" s="1" t="s">
        <v>711</v>
      </c>
      <c r="AB5" s="1" t="s">
        <v>711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6</v>
      </c>
      <c r="BP5" s="1">
        <v>3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9583333333333331</v>
      </c>
      <c r="C6" s="1" t="s">
        <v>645</v>
      </c>
      <c r="D6" s="1" t="s">
        <v>532</v>
      </c>
      <c r="E6" s="1" t="s">
        <v>28</v>
      </c>
      <c r="F6" s="1" t="s">
        <v>487</v>
      </c>
      <c r="G6" s="1" t="s">
        <v>252</v>
      </c>
      <c r="H6" s="1" t="s">
        <v>65</v>
      </c>
      <c r="I6" s="1" t="s">
        <v>533</v>
      </c>
      <c r="J6" s="1" t="s">
        <v>528</v>
      </c>
      <c r="K6" s="1" t="s">
        <v>374</v>
      </c>
      <c r="L6" s="1" t="s">
        <v>68</v>
      </c>
      <c r="N6" s="1" t="s">
        <v>36</v>
      </c>
      <c r="O6" s="1" t="s">
        <v>465</v>
      </c>
      <c r="P6" s="1" t="s">
        <v>529</v>
      </c>
      <c r="Q6" s="1" t="s">
        <v>168</v>
      </c>
      <c r="R6" s="1" t="s">
        <v>257</v>
      </c>
      <c r="S6" s="1" t="s">
        <v>168</v>
      </c>
      <c r="T6" s="1" t="s">
        <v>119</v>
      </c>
      <c r="U6" s="1">
        <v>8.6</v>
      </c>
      <c r="V6" s="3">
        <v>49000</v>
      </c>
      <c r="W6" s="1"/>
      <c r="X6" s="1">
        <v>6.2</v>
      </c>
      <c r="Y6" s="1">
        <v>0.47</v>
      </c>
      <c r="Z6" s="1">
        <v>2.8000000000000001E-2</v>
      </c>
      <c r="AA6" s="1" t="s">
        <v>714</v>
      </c>
      <c r="AB6" s="1" t="s">
        <v>716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26</v>
      </c>
      <c r="BC6" s="1">
        <v>3.7</v>
      </c>
      <c r="BD6" s="1">
        <v>3.9</v>
      </c>
      <c r="BE6" s="1"/>
      <c r="BF6" s="1"/>
      <c r="BG6" s="1"/>
      <c r="BH6" s="1"/>
      <c r="BI6" s="1"/>
      <c r="BJ6" s="1"/>
      <c r="BK6" s="1"/>
      <c r="BL6" s="1"/>
      <c r="BM6" s="1">
        <v>1.7</v>
      </c>
      <c r="BN6" s="1">
        <v>0.4</v>
      </c>
      <c r="BO6" s="1">
        <v>35</v>
      </c>
      <c r="BP6" s="1">
        <v>26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9583333333333337</v>
      </c>
      <c r="C7" s="1" t="s">
        <v>645</v>
      </c>
      <c r="D7" s="1" t="s">
        <v>27</v>
      </c>
      <c r="E7" s="1" t="s">
        <v>28</v>
      </c>
      <c r="F7" s="1" t="s">
        <v>471</v>
      </c>
      <c r="G7" s="1" t="s">
        <v>534</v>
      </c>
      <c r="H7" s="1" t="s">
        <v>305</v>
      </c>
      <c r="I7" s="1" t="s">
        <v>340</v>
      </c>
      <c r="J7" s="1" t="s">
        <v>528</v>
      </c>
      <c r="K7" s="1" t="s">
        <v>374</v>
      </c>
      <c r="N7" s="1" t="s">
        <v>36</v>
      </c>
      <c r="P7" s="1" t="s">
        <v>529</v>
      </c>
      <c r="Q7" s="1" t="s">
        <v>195</v>
      </c>
      <c r="R7" s="1" t="s">
        <v>147</v>
      </c>
      <c r="S7" s="1" t="s">
        <v>495</v>
      </c>
      <c r="T7" s="1" t="s">
        <v>72</v>
      </c>
      <c r="U7" s="1">
        <v>6</v>
      </c>
      <c r="V7" s="1"/>
      <c r="W7" s="1"/>
      <c r="X7" s="1">
        <v>8</v>
      </c>
      <c r="Y7" s="1">
        <v>0.78</v>
      </c>
      <c r="Z7" s="1"/>
      <c r="AA7" s="1" t="s">
        <v>711</v>
      </c>
      <c r="AB7" s="1" t="s">
        <v>71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8</v>
      </c>
      <c r="BP7" s="1">
        <v>28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35</v>
      </c>
      <c r="B8" s="2">
        <v>0.39583333333333331</v>
      </c>
      <c r="C8" s="1" t="s">
        <v>645</v>
      </c>
      <c r="D8" s="1" t="s">
        <v>27</v>
      </c>
      <c r="E8" s="1" t="s">
        <v>28</v>
      </c>
      <c r="F8" s="1" t="s">
        <v>233</v>
      </c>
      <c r="G8" s="1" t="s">
        <v>325</v>
      </c>
      <c r="H8" s="1" t="s">
        <v>57</v>
      </c>
      <c r="I8" s="1" t="s">
        <v>536</v>
      </c>
      <c r="J8" s="1" t="s">
        <v>528</v>
      </c>
      <c r="K8" s="1" t="s">
        <v>401</v>
      </c>
      <c r="L8" s="1" t="s">
        <v>68</v>
      </c>
      <c r="N8" s="1" t="s">
        <v>36</v>
      </c>
      <c r="O8" s="1" t="s">
        <v>465</v>
      </c>
      <c r="P8" s="1" t="s">
        <v>529</v>
      </c>
      <c r="Q8" s="1" t="s">
        <v>215</v>
      </c>
      <c r="R8" s="1" t="s">
        <v>96</v>
      </c>
      <c r="S8" s="1" t="s">
        <v>51</v>
      </c>
      <c r="T8" s="1" t="s">
        <v>72</v>
      </c>
      <c r="U8" s="1">
        <v>8.4</v>
      </c>
      <c r="V8" s="3">
        <v>22000</v>
      </c>
      <c r="W8" s="1"/>
      <c r="X8" s="1">
        <v>4.9000000000000004</v>
      </c>
      <c r="Y8" s="1">
        <v>0.52</v>
      </c>
      <c r="Z8" s="1">
        <v>2.9000000000000001E-2</v>
      </c>
      <c r="AA8" s="1" t="s">
        <v>714</v>
      </c>
      <c r="AB8" s="1" t="s">
        <v>717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12</v>
      </c>
      <c r="BC8" s="1">
        <v>3.9</v>
      </c>
      <c r="BD8" s="1">
        <v>4</v>
      </c>
      <c r="BE8" s="1"/>
      <c r="BF8" s="1"/>
      <c r="BG8" s="1"/>
      <c r="BH8" s="1"/>
      <c r="BI8" s="1"/>
      <c r="BJ8" s="1"/>
      <c r="BK8" s="1"/>
      <c r="BL8" s="1"/>
      <c r="BM8" s="1">
        <v>0.36</v>
      </c>
      <c r="BN8" s="1">
        <v>0.48</v>
      </c>
      <c r="BO8" s="1">
        <v>35</v>
      </c>
      <c r="BP8" s="1">
        <v>27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9583333333333337</v>
      </c>
      <c r="C9" s="1" t="s">
        <v>645</v>
      </c>
      <c r="D9" s="1" t="s">
        <v>27</v>
      </c>
      <c r="E9" s="1" t="s">
        <v>28</v>
      </c>
      <c r="F9" s="1" t="s">
        <v>537</v>
      </c>
      <c r="G9" s="1" t="s">
        <v>538</v>
      </c>
      <c r="H9" s="1" t="s">
        <v>76</v>
      </c>
      <c r="I9" s="1" t="s">
        <v>456</v>
      </c>
      <c r="J9" s="1" t="s">
        <v>528</v>
      </c>
      <c r="K9" s="1" t="s">
        <v>374</v>
      </c>
      <c r="N9" s="1" t="s">
        <v>36</v>
      </c>
      <c r="P9" s="1" t="s">
        <v>529</v>
      </c>
      <c r="Q9" s="1" t="s">
        <v>195</v>
      </c>
      <c r="R9" s="1" t="s">
        <v>137</v>
      </c>
      <c r="S9" s="1" t="s">
        <v>215</v>
      </c>
      <c r="T9" s="1" t="s">
        <v>72</v>
      </c>
      <c r="U9" s="1">
        <v>5.9</v>
      </c>
      <c r="V9" s="1"/>
      <c r="W9" s="1"/>
      <c r="X9" s="1">
        <v>5.9</v>
      </c>
      <c r="Y9" s="1">
        <v>0.72</v>
      </c>
      <c r="Z9" s="1"/>
      <c r="AA9" s="1" t="s">
        <v>711</v>
      </c>
      <c r="AB9" s="1" t="s">
        <v>71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6</v>
      </c>
      <c r="BP9" s="1">
        <v>27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39583333333333331</v>
      </c>
      <c r="C10" s="1" t="s">
        <v>645</v>
      </c>
      <c r="D10" s="1" t="s">
        <v>27</v>
      </c>
      <c r="E10" s="1" t="s">
        <v>28</v>
      </c>
      <c r="F10" s="1" t="s">
        <v>486</v>
      </c>
      <c r="G10" s="1" t="s">
        <v>512</v>
      </c>
      <c r="H10" s="1" t="s">
        <v>305</v>
      </c>
      <c r="I10" s="1" t="s">
        <v>483</v>
      </c>
      <c r="J10" s="1" t="s">
        <v>528</v>
      </c>
      <c r="K10" s="1" t="s">
        <v>401</v>
      </c>
      <c r="L10" s="1" t="s">
        <v>68</v>
      </c>
      <c r="N10" s="1" t="s">
        <v>36</v>
      </c>
      <c r="O10" s="1" t="s">
        <v>465</v>
      </c>
      <c r="P10" s="1" t="s">
        <v>529</v>
      </c>
      <c r="Q10" s="1" t="s">
        <v>215</v>
      </c>
      <c r="R10" s="1" t="s">
        <v>241</v>
      </c>
      <c r="S10" s="1" t="s">
        <v>41</v>
      </c>
      <c r="T10" s="1" t="s">
        <v>72</v>
      </c>
      <c r="U10" s="1">
        <v>6.9</v>
      </c>
      <c r="V10" s="3">
        <v>33000</v>
      </c>
      <c r="W10" s="1"/>
      <c r="X10" s="1">
        <v>6.2</v>
      </c>
      <c r="Y10" s="1">
        <v>0.41</v>
      </c>
      <c r="Z10" s="1">
        <v>3.4000000000000002E-2</v>
      </c>
      <c r="AA10" s="1" t="s">
        <v>714</v>
      </c>
      <c r="AB10" s="1" t="s">
        <v>71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75</v>
      </c>
      <c r="AV10" s="1" t="s">
        <v>671</v>
      </c>
      <c r="AW10" s="1" t="s">
        <v>671</v>
      </c>
      <c r="AX10" s="1"/>
      <c r="AY10" s="1"/>
      <c r="AZ10" s="1"/>
      <c r="BA10" s="1"/>
      <c r="BB10" s="1">
        <v>0.41</v>
      </c>
      <c r="BC10" s="1">
        <v>4.2</v>
      </c>
      <c r="BD10" s="1">
        <v>4.5999999999999996</v>
      </c>
      <c r="BE10" s="1"/>
      <c r="BF10" s="1"/>
      <c r="BG10" s="1"/>
      <c r="BH10" s="1"/>
      <c r="BI10" s="1"/>
      <c r="BJ10" s="1"/>
      <c r="BK10" s="1"/>
      <c r="BL10" s="1"/>
      <c r="BM10" s="1">
        <v>1.1000000000000001</v>
      </c>
      <c r="BN10" s="1">
        <v>0.35</v>
      </c>
      <c r="BO10" s="1">
        <v>37</v>
      </c>
      <c r="BP10" s="1">
        <v>31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9583333333333337</v>
      </c>
      <c r="C11" s="1" t="s">
        <v>645</v>
      </c>
      <c r="D11" s="1" t="s">
        <v>27</v>
      </c>
      <c r="E11" s="1" t="s">
        <v>28</v>
      </c>
      <c r="F11" s="1" t="s">
        <v>435</v>
      </c>
      <c r="G11" s="1" t="s">
        <v>441</v>
      </c>
      <c r="H11" s="1" t="s">
        <v>45</v>
      </c>
      <c r="I11" s="1" t="s">
        <v>470</v>
      </c>
      <c r="J11" s="1" t="s">
        <v>528</v>
      </c>
      <c r="K11" s="1" t="s">
        <v>374</v>
      </c>
      <c r="N11" s="1" t="s">
        <v>36</v>
      </c>
      <c r="P11" s="1" t="s">
        <v>529</v>
      </c>
      <c r="Q11" s="1" t="s">
        <v>231</v>
      </c>
      <c r="R11" s="1" t="s">
        <v>71</v>
      </c>
      <c r="S11" s="1" t="s">
        <v>539</v>
      </c>
      <c r="T11" s="1" t="s">
        <v>119</v>
      </c>
      <c r="U11" s="1">
        <v>4.4000000000000004</v>
      </c>
      <c r="V11" s="1"/>
      <c r="W11" s="1"/>
      <c r="X11" s="1">
        <v>7.4</v>
      </c>
      <c r="Y11" s="1">
        <v>0.56999999999999995</v>
      </c>
      <c r="Z11" s="1"/>
      <c r="AA11" s="1" t="s">
        <v>711</v>
      </c>
      <c r="AB11" s="1" t="s">
        <v>71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8</v>
      </c>
      <c r="BP11" s="1">
        <v>32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40</v>
      </c>
      <c r="B12" s="2">
        <v>0.40625</v>
      </c>
      <c r="C12" s="1" t="s">
        <v>645</v>
      </c>
      <c r="D12" s="1" t="s">
        <v>54</v>
      </c>
      <c r="E12" s="1" t="s">
        <v>28</v>
      </c>
      <c r="F12" s="1" t="s">
        <v>541</v>
      </c>
      <c r="G12" s="1" t="s">
        <v>542</v>
      </c>
      <c r="H12" s="1" t="s">
        <v>543</v>
      </c>
      <c r="I12" s="1" t="s">
        <v>485</v>
      </c>
      <c r="J12" s="1" t="s">
        <v>528</v>
      </c>
      <c r="K12" s="1" t="s">
        <v>219</v>
      </c>
      <c r="L12" s="1" t="s">
        <v>68</v>
      </c>
      <c r="N12" s="1" t="s">
        <v>36</v>
      </c>
      <c r="O12" s="1" t="s">
        <v>465</v>
      </c>
      <c r="P12" s="1" t="s">
        <v>529</v>
      </c>
      <c r="Q12" s="1" t="s">
        <v>168</v>
      </c>
      <c r="R12" s="1" t="s">
        <v>544</v>
      </c>
      <c r="S12" s="1" t="s">
        <v>246</v>
      </c>
      <c r="T12" s="1" t="s">
        <v>72</v>
      </c>
      <c r="U12" s="1">
        <v>8.6999999999999993</v>
      </c>
      <c r="V12" s="3">
        <v>13000</v>
      </c>
      <c r="W12" s="1" t="s">
        <v>670</v>
      </c>
      <c r="X12" s="1">
        <v>4.5</v>
      </c>
      <c r="Y12" s="1">
        <v>0.9</v>
      </c>
      <c r="Z12" s="1">
        <v>3.3000000000000002E-2</v>
      </c>
      <c r="AA12" s="1" t="s">
        <v>714</v>
      </c>
      <c r="AB12" s="1" t="s">
        <v>719</v>
      </c>
      <c r="AC12" s="1" t="s">
        <v>671</v>
      </c>
      <c r="AD12" s="1" t="s">
        <v>672</v>
      </c>
      <c r="AE12" s="1" t="s">
        <v>674</v>
      </c>
      <c r="AF12" s="1" t="s">
        <v>673</v>
      </c>
      <c r="AG12" s="1" t="s">
        <v>674</v>
      </c>
      <c r="AH12" s="1" t="s">
        <v>675</v>
      </c>
      <c r="AI12" s="1"/>
      <c r="AJ12" s="1" t="s">
        <v>675</v>
      </c>
      <c r="AK12" s="1" t="s">
        <v>676</v>
      </c>
      <c r="AL12" s="1" t="s">
        <v>676</v>
      </c>
      <c r="AM12" s="1" t="s">
        <v>676</v>
      </c>
      <c r="AN12" s="1" t="s">
        <v>676</v>
      </c>
      <c r="AO12" s="1" t="s">
        <v>676</v>
      </c>
      <c r="AP12" t="s">
        <v>676</v>
      </c>
      <c r="AQ12" s="1" t="s">
        <v>676</v>
      </c>
      <c r="AR12" s="1" t="s">
        <v>676</v>
      </c>
      <c r="AS12" s="1" t="s">
        <v>676</v>
      </c>
      <c r="AT12" s="1" t="s">
        <v>678</v>
      </c>
      <c r="AU12" s="1"/>
      <c r="AV12" s="1"/>
      <c r="AW12" s="1"/>
      <c r="AX12" s="1" t="s">
        <v>676</v>
      </c>
      <c r="AY12" s="1" t="s">
        <v>682</v>
      </c>
      <c r="AZ12" s="1" t="s">
        <v>683</v>
      </c>
      <c r="BA12" s="1">
        <v>0.04</v>
      </c>
      <c r="BB12" s="1">
        <v>0.02</v>
      </c>
      <c r="BC12" s="1">
        <v>3.8</v>
      </c>
      <c r="BD12" s="1">
        <v>3.8</v>
      </c>
      <c r="BE12" s="1" t="s">
        <v>674</v>
      </c>
      <c r="BF12" s="1" t="s">
        <v>674</v>
      </c>
      <c r="BG12" s="1" t="s">
        <v>685</v>
      </c>
      <c r="BH12" s="1">
        <v>0.04</v>
      </c>
      <c r="BI12" s="1">
        <v>0.01</v>
      </c>
      <c r="BJ12" s="1" t="s">
        <v>673</v>
      </c>
      <c r="BK12" s="1" t="s">
        <v>675</v>
      </c>
      <c r="BL12" s="1" t="s">
        <v>690</v>
      </c>
      <c r="BM12" s="1">
        <v>0.1</v>
      </c>
      <c r="BN12" s="1">
        <v>0.82</v>
      </c>
      <c r="BO12" s="1">
        <v>35</v>
      </c>
      <c r="BP12" s="1">
        <v>33</v>
      </c>
      <c r="BQ12" s="1"/>
      <c r="BR12" s="1" t="s">
        <v>689</v>
      </c>
      <c r="BS12" s="1" t="s">
        <v>674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0625</v>
      </c>
      <c r="C13" s="1" t="s">
        <v>645</v>
      </c>
      <c r="D13" s="1" t="s">
        <v>27</v>
      </c>
      <c r="E13" s="1" t="s">
        <v>28</v>
      </c>
      <c r="F13" s="1" t="s">
        <v>545</v>
      </c>
      <c r="G13" s="1" t="s">
        <v>546</v>
      </c>
      <c r="H13" s="1" t="s">
        <v>134</v>
      </c>
      <c r="I13" s="1" t="s">
        <v>472</v>
      </c>
      <c r="J13" s="1" t="s">
        <v>528</v>
      </c>
      <c r="K13" s="1" t="s">
        <v>401</v>
      </c>
      <c r="N13" s="1" t="s">
        <v>36</v>
      </c>
      <c r="P13" s="1" t="s">
        <v>529</v>
      </c>
      <c r="Q13" s="1" t="s">
        <v>215</v>
      </c>
      <c r="R13" s="1" t="s">
        <v>129</v>
      </c>
      <c r="S13" s="1" t="s">
        <v>103</v>
      </c>
      <c r="T13" s="1" t="s">
        <v>72</v>
      </c>
      <c r="U13" s="1">
        <v>5.8</v>
      </c>
      <c r="V13" s="1"/>
      <c r="W13" s="1"/>
      <c r="X13" s="1">
        <v>5.6</v>
      </c>
      <c r="Y13" s="1">
        <v>1</v>
      </c>
      <c r="Z13" s="1"/>
      <c r="AA13" s="1" t="s">
        <v>711</v>
      </c>
      <c r="AB13" s="1" t="s">
        <v>711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5</v>
      </c>
      <c r="BP13" s="1">
        <v>33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49</v>
      </c>
      <c r="B14" s="2">
        <v>0.39583333333333331</v>
      </c>
      <c r="C14" s="1" t="s">
        <v>645</v>
      </c>
      <c r="D14" s="1" t="s">
        <v>27</v>
      </c>
      <c r="E14" s="1" t="s">
        <v>646</v>
      </c>
      <c r="F14" s="1" t="s">
        <v>534</v>
      </c>
      <c r="G14" s="1" t="s">
        <v>547</v>
      </c>
      <c r="H14" s="1" t="s">
        <v>489</v>
      </c>
      <c r="I14" s="1" t="s">
        <v>340</v>
      </c>
      <c r="J14" s="1" t="s">
        <v>528</v>
      </c>
      <c r="K14" s="1" t="s">
        <v>401</v>
      </c>
      <c r="L14" s="1" t="s">
        <v>68</v>
      </c>
      <c r="N14" s="1" t="s">
        <v>36</v>
      </c>
      <c r="O14" s="1" t="s">
        <v>465</v>
      </c>
      <c r="P14" s="1" t="s">
        <v>529</v>
      </c>
      <c r="Q14" s="1" t="s">
        <v>168</v>
      </c>
      <c r="R14" s="1" t="s">
        <v>118</v>
      </c>
      <c r="S14" s="1" t="s">
        <v>61</v>
      </c>
      <c r="T14" s="1" t="s">
        <v>72</v>
      </c>
      <c r="U14" s="1">
        <v>8.4</v>
      </c>
      <c r="V14" s="3">
        <v>17000</v>
      </c>
      <c r="W14" s="1"/>
      <c r="X14" s="1">
        <v>4.0999999999999996</v>
      </c>
      <c r="Y14" s="1">
        <v>0.53</v>
      </c>
      <c r="Z14" s="1">
        <v>2.8000000000000001E-2</v>
      </c>
      <c r="AA14" s="1" t="s">
        <v>714</v>
      </c>
      <c r="AB14" s="1" t="s">
        <v>720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3.5</v>
      </c>
      <c r="BD14" s="1">
        <v>3.5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0.49</v>
      </c>
      <c r="BO14" s="1">
        <v>34</v>
      </c>
      <c r="BP14" s="1">
        <v>26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32</v>
      </c>
      <c r="B15" s="2">
        <v>0.39583333333333331</v>
      </c>
      <c r="C15" s="1" t="s">
        <v>645</v>
      </c>
      <c r="D15" s="1" t="s">
        <v>54</v>
      </c>
      <c r="E15" s="1" t="s">
        <v>28</v>
      </c>
      <c r="F15" s="1" t="s">
        <v>547</v>
      </c>
      <c r="G15" s="1" t="s">
        <v>548</v>
      </c>
      <c r="H15" s="1" t="s">
        <v>543</v>
      </c>
      <c r="I15" s="1" t="s">
        <v>175</v>
      </c>
      <c r="J15" s="1" t="s">
        <v>528</v>
      </c>
      <c r="K15" s="1" t="s">
        <v>374</v>
      </c>
      <c r="L15" s="1" t="s">
        <v>68</v>
      </c>
      <c r="N15" s="1" t="s">
        <v>36</v>
      </c>
      <c r="O15" s="1" t="s">
        <v>465</v>
      </c>
      <c r="P15" s="1" t="s">
        <v>529</v>
      </c>
      <c r="Q15" s="1" t="s">
        <v>215</v>
      </c>
      <c r="R15" s="1" t="s">
        <v>104</v>
      </c>
      <c r="S15" s="1" t="s">
        <v>153</v>
      </c>
      <c r="T15" s="1" t="s">
        <v>131</v>
      </c>
      <c r="U15" s="1">
        <v>8.9</v>
      </c>
      <c r="V15" s="3">
        <v>49000</v>
      </c>
      <c r="W15" s="1"/>
      <c r="X15" s="1">
        <v>4.5</v>
      </c>
      <c r="Y15" s="1">
        <v>0.61</v>
      </c>
      <c r="Z15" s="1">
        <v>0.03</v>
      </c>
      <c r="AA15" s="1" t="s">
        <v>714</v>
      </c>
      <c r="AB15" s="1" t="s">
        <v>718</v>
      </c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675</v>
      </c>
      <c r="AV15" s="1" t="s">
        <v>671</v>
      </c>
      <c r="AW15" s="1" t="s">
        <v>671</v>
      </c>
      <c r="AX15" s="1"/>
      <c r="AY15" s="1"/>
      <c r="AZ15" s="1"/>
      <c r="BA15" s="1"/>
      <c r="BB15" s="1">
        <v>0.02</v>
      </c>
      <c r="BC15" s="1">
        <v>4</v>
      </c>
      <c r="BD15" s="1">
        <v>4</v>
      </c>
      <c r="BE15" s="1"/>
      <c r="BF15" s="1"/>
      <c r="BG15" s="1"/>
      <c r="BH15" s="1"/>
      <c r="BI15" s="1"/>
      <c r="BJ15" s="1"/>
      <c r="BK15" s="1"/>
      <c r="BL15" s="1"/>
      <c r="BM15" s="1">
        <v>0.06</v>
      </c>
      <c r="BN15" s="1">
        <v>0.51</v>
      </c>
      <c r="BO15" s="1">
        <v>35</v>
      </c>
      <c r="BP15" s="1">
        <v>29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B16" s="2">
        <v>0.89583333333333337</v>
      </c>
      <c r="C16" s="1" t="s">
        <v>645</v>
      </c>
      <c r="D16" s="1" t="s">
        <v>27</v>
      </c>
      <c r="E16" s="1" t="s">
        <v>28</v>
      </c>
      <c r="F16" s="1" t="s">
        <v>471</v>
      </c>
      <c r="G16" s="1" t="s">
        <v>549</v>
      </c>
      <c r="H16" s="1" t="s">
        <v>134</v>
      </c>
      <c r="I16" s="1" t="s">
        <v>550</v>
      </c>
      <c r="J16" s="1" t="s">
        <v>528</v>
      </c>
      <c r="K16" s="1" t="s">
        <v>401</v>
      </c>
      <c r="N16" s="1" t="s">
        <v>36</v>
      </c>
      <c r="P16" s="1" t="s">
        <v>529</v>
      </c>
      <c r="Q16" s="1" t="s">
        <v>195</v>
      </c>
      <c r="R16" s="1" t="s">
        <v>182</v>
      </c>
      <c r="S16" s="1" t="s">
        <v>190</v>
      </c>
      <c r="T16" s="1" t="s">
        <v>72</v>
      </c>
      <c r="U16" s="1">
        <v>6.3</v>
      </c>
      <c r="V16" s="1"/>
      <c r="W16" s="1"/>
      <c r="X16" s="1">
        <v>6.2</v>
      </c>
      <c r="Y16" s="1">
        <v>0.59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  <c r="BL16" s="1"/>
      <c r="BM16" s="1"/>
      <c r="BN16" s="1"/>
      <c r="BO16" s="1">
        <v>36</v>
      </c>
      <c r="BP16" s="1">
        <v>28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A17" s="1" t="s">
        <v>551</v>
      </c>
      <c r="B17" s="2">
        <v>0.39583333333333331</v>
      </c>
      <c r="C17" s="1" t="s">
        <v>645</v>
      </c>
      <c r="D17" s="1" t="s">
        <v>54</v>
      </c>
      <c r="E17" s="1" t="s">
        <v>646</v>
      </c>
      <c r="F17" s="1" t="s">
        <v>521</v>
      </c>
      <c r="G17" s="1" t="s">
        <v>133</v>
      </c>
      <c r="H17" s="1" t="s">
        <v>298</v>
      </c>
      <c r="I17" s="1" t="s">
        <v>352</v>
      </c>
      <c r="J17" s="1" t="s">
        <v>528</v>
      </c>
      <c r="K17" s="1" t="s">
        <v>401</v>
      </c>
      <c r="L17" s="1" t="s">
        <v>68</v>
      </c>
      <c r="N17" s="1" t="s">
        <v>36</v>
      </c>
      <c r="O17" s="1" t="s">
        <v>465</v>
      </c>
      <c r="P17" s="1" t="s">
        <v>529</v>
      </c>
      <c r="Q17" s="1" t="s">
        <v>195</v>
      </c>
      <c r="R17" s="1" t="s">
        <v>381</v>
      </c>
      <c r="S17" s="1" t="s">
        <v>215</v>
      </c>
      <c r="T17" s="1" t="s">
        <v>72</v>
      </c>
      <c r="U17" s="1">
        <v>9</v>
      </c>
      <c r="V17" s="3">
        <v>79000</v>
      </c>
      <c r="W17" s="1"/>
      <c r="X17" s="1">
        <v>5.6</v>
      </c>
      <c r="Y17" s="1">
        <v>1</v>
      </c>
      <c r="Z17" s="1">
        <v>3.4000000000000002E-2</v>
      </c>
      <c r="AA17" s="1" t="s">
        <v>714</v>
      </c>
      <c r="AB17" s="1" t="s">
        <v>718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3</v>
      </c>
      <c r="BC17" s="1">
        <v>4.8</v>
      </c>
      <c r="BD17" s="1">
        <v>4.8</v>
      </c>
      <c r="BE17" s="1"/>
      <c r="BF17" s="1"/>
      <c r="BG17" s="1"/>
      <c r="BH17" s="1"/>
      <c r="BI17" s="1"/>
      <c r="BJ17" s="1"/>
      <c r="BK17" s="1"/>
      <c r="BL17" s="1"/>
      <c r="BM17" s="1">
        <v>0.05</v>
      </c>
      <c r="BN17" s="1">
        <v>0.99</v>
      </c>
      <c r="BO17" s="1">
        <v>35</v>
      </c>
      <c r="BP17" s="1">
        <v>32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9583333333333337</v>
      </c>
      <c r="C18" s="1" t="s">
        <v>645</v>
      </c>
      <c r="D18" s="1" t="s">
        <v>54</v>
      </c>
      <c r="E18" s="1" t="s">
        <v>646</v>
      </c>
      <c r="F18" s="1" t="s">
        <v>342</v>
      </c>
      <c r="G18" s="1" t="s">
        <v>527</v>
      </c>
      <c r="H18" s="1" t="s">
        <v>305</v>
      </c>
      <c r="I18" s="1" t="s">
        <v>454</v>
      </c>
      <c r="J18" s="1" t="s">
        <v>528</v>
      </c>
      <c r="K18" s="1" t="s">
        <v>401</v>
      </c>
      <c r="N18" s="1" t="s">
        <v>36</v>
      </c>
      <c r="P18" s="1" t="s">
        <v>529</v>
      </c>
      <c r="Q18" s="1" t="s">
        <v>231</v>
      </c>
      <c r="R18" s="1" t="s">
        <v>96</v>
      </c>
      <c r="S18" s="1" t="s">
        <v>39</v>
      </c>
      <c r="T18" s="1" t="s">
        <v>131</v>
      </c>
      <c r="U18" s="1">
        <v>6.7</v>
      </c>
      <c r="V18" s="1"/>
      <c r="W18" s="1"/>
      <c r="X18" s="1">
        <v>6.6</v>
      </c>
      <c r="Y18" s="1">
        <v>1.1000000000000001</v>
      </c>
      <c r="Z18" s="1"/>
      <c r="AA18" s="1" t="s">
        <v>711</v>
      </c>
      <c r="AB18" s="1" t="s">
        <v>711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6</v>
      </c>
      <c r="BP18" s="1">
        <v>3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552</v>
      </c>
      <c r="B19" s="2">
        <v>0.39583333333333331</v>
      </c>
      <c r="C19" s="1" t="s">
        <v>645</v>
      </c>
      <c r="D19" s="1" t="s">
        <v>54</v>
      </c>
      <c r="E19" s="1" t="s">
        <v>28</v>
      </c>
      <c r="F19" s="1" t="s">
        <v>553</v>
      </c>
      <c r="G19" s="1" t="s">
        <v>339</v>
      </c>
      <c r="H19" s="1" t="s">
        <v>134</v>
      </c>
      <c r="I19" s="1" t="s">
        <v>497</v>
      </c>
      <c r="J19" s="1" t="s">
        <v>528</v>
      </c>
      <c r="K19" s="1" t="s">
        <v>401</v>
      </c>
      <c r="L19" s="1" t="s">
        <v>68</v>
      </c>
      <c r="N19" s="1" t="s">
        <v>36</v>
      </c>
      <c r="O19" s="1" t="s">
        <v>465</v>
      </c>
      <c r="P19" s="1" t="s">
        <v>529</v>
      </c>
      <c r="Q19" s="1" t="s">
        <v>195</v>
      </c>
      <c r="R19" s="1" t="s">
        <v>70</v>
      </c>
      <c r="S19" s="1" t="s">
        <v>41</v>
      </c>
      <c r="T19" s="1" t="s">
        <v>72</v>
      </c>
      <c r="U19" s="1">
        <v>8.8000000000000007</v>
      </c>
      <c r="V19" s="3">
        <v>11000</v>
      </c>
      <c r="W19" s="1"/>
      <c r="X19" s="1">
        <v>5.2</v>
      </c>
      <c r="Y19" s="1">
        <v>0.75</v>
      </c>
      <c r="Z19" s="1">
        <v>3.5000000000000003E-2</v>
      </c>
      <c r="AA19" s="1" t="s">
        <v>721</v>
      </c>
      <c r="AB19" s="1" t="s">
        <v>719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4</v>
      </c>
      <c r="BC19" s="1">
        <v>4.3</v>
      </c>
      <c r="BD19" s="1">
        <v>4.3</v>
      </c>
      <c r="BE19" s="1"/>
      <c r="BF19" s="1"/>
      <c r="BG19" s="1"/>
      <c r="BH19" s="1"/>
      <c r="BI19" s="1"/>
      <c r="BJ19" s="1"/>
      <c r="BK19" s="1"/>
      <c r="BL19" s="1"/>
      <c r="BM19" s="1">
        <v>0.08</v>
      </c>
      <c r="BN19" s="1">
        <v>0.66</v>
      </c>
      <c r="BO19" s="1">
        <v>36</v>
      </c>
      <c r="BP19" s="1">
        <v>33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89583333333333337</v>
      </c>
      <c r="C20" s="1" t="s">
        <v>645</v>
      </c>
      <c r="D20" s="1" t="s">
        <v>54</v>
      </c>
      <c r="E20" s="1" t="s">
        <v>28</v>
      </c>
      <c r="F20" s="1" t="s">
        <v>168</v>
      </c>
      <c r="G20" s="1" t="s">
        <v>554</v>
      </c>
      <c r="H20" s="1" t="s">
        <v>57</v>
      </c>
      <c r="I20" s="1" t="s">
        <v>555</v>
      </c>
      <c r="J20" s="1" t="s">
        <v>528</v>
      </c>
      <c r="K20" s="1" t="s">
        <v>401</v>
      </c>
      <c r="N20" s="1" t="s">
        <v>36</v>
      </c>
      <c r="P20" s="1" t="s">
        <v>529</v>
      </c>
      <c r="Q20" s="1" t="s">
        <v>231</v>
      </c>
      <c r="R20" s="1" t="s">
        <v>257</v>
      </c>
      <c r="S20" s="1" t="s">
        <v>539</v>
      </c>
      <c r="T20" s="1" t="s">
        <v>72</v>
      </c>
      <c r="U20" s="1">
        <v>7.2</v>
      </c>
      <c r="V20" s="1"/>
      <c r="W20" s="1"/>
      <c r="X20" s="1">
        <v>6.3</v>
      </c>
      <c r="Y20" s="1">
        <v>1.1000000000000001</v>
      </c>
      <c r="Z20" s="1"/>
      <c r="AA20" s="1" t="s">
        <v>711</v>
      </c>
      <c r="AB20" s="1" t="s">
        <v>71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37</v>
      </c>
      <c r="BP20" s="1">
        <v>33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170</v>
      </c>
      <c r="B21" s="2">
        <v>0.41666666666666669</v>
      </c>
      <c r="C21" s="1" t="s">
        <v>645</v>
      </c>
      <c r="D21" s="1" t="s">
        <v>532</v>
      </c>
      <c r="E21" s="1" t="s">
        <v>28</v>
      </c>
      <c r="F21" s="1" t="s">
        <v>190</v>
      </c>
      <c r="G21" s="1" t="s">
        <v>163</v>
      </c>
      <c r="H21" s="1" t="s">
        <v>45</v>
      </c>
      <c r="I21" s="1" t="s">
        <v>556</v>
      </c>
      <c r="J21" s="1" t="s">
        <v>528</v>
      </c>
      <c r="K21" s="1" t="s">
        <v>401</v>
      </c>
      <c r="L21" s="1" t="s">
        <v>68</v>
      </c>
      <c r="N21" s="1" t="s">
        <v>36</v>
      </c>
      <c r="O21" s="1" t="s">
        <v>465</v>
      </c>
      <c r="P21" s="1" t="s">
        <v>529</v>
      </c>
      <c r="Q21" s="1" t="s">
        <v>195</v>
      </c>
      <c r="R21" s="1" t="s">
        <v>70</v>
      </c>
      <c r="S21" s="1" t="s">
        <v>128</v>
      </c>
      <c r="T21" s="1" t="s">
        <v>42</v>
      </c>
      <c r="U21" s="1">
        <v>9.6</v>
      </c>
      <c r="V21" s="3">
        <v>7900</v>
      </c>
      <c r="W21" s="1"/>
      <c r="X21" s="1">
        <v>5.5</v>
      </c>
      <c r="Y21" s="1">
        <v>1.1000000000000001</v>
      </c>
      <c r="Z21" s="1">
        <v>3.5999999999999997E-2</v>
      </c>
      <c r="AA21" s="1" t="s">
        <v>722</v>
      </c>
      <c r="AB21" s="1" t="s">
        <v>72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>
        <v>0.06</v>
      </c>
      <c r="BC21" s="1">
        <v>4.7</v>
      </c>
      <c r="BD21" s="1">
        <v>4.7</v>
      </c>
      <c r="BE21" s="1"/>
      <c r="BF21" s="1"/>
      <c r="BG21" s="1"/>
      <c r="BH21" s="1"/>
      <c r="BI21" s="1"/>
      <c r="BJ21" s="1"/>
      <c r="BK21" s="1"/>
      <c r="BL21" s="1"/>
      <c r="BM21" s="1">
        <v>0.08</v>
      </c>
      <c r="BN21" s="1">
        <v>0.99</v>
      </c>
      <c r="BO21" s="1">
        <v>35</v>
      </c>
      <c r="BP21" s="1">
        <v>33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1666666666666663</v>
      </c>
      <c r="C22" s="1" t="s">
        <v>645</v>
      </c>
      <c r="D22" s="1" t="s">
        <v>532</v>
      </c>
      <c r="E22" s="1" t="s">
        <v>28</v>
      </c>
      <c r="F22" s="1" t="s">
        <v>185</v>
      </c>
      <c r="G22" s="1" t="s">
        <v>557</v>
      </c>
      <c r="H22" s="1" t="s">
        <v>45</v>
      </c>
      <c r="I22" s="1" t="s">
        <v>497</v>
      </c>
      <c r="J22" s="1" t="s">
        <v>528</v>
      </c>
      <c r="K22" s="1" t="s">
        <v>401</v>
      </c>
      <c r="N22" s="1" t="s">
        <v>36</v>
      </c>
      <c r="P22" s="1" t="s">
        <v>529</v>
      </c>
      <c r="Q22" s="1" t="s">
        <v>231</v>
      </c>
      <c r="R22" s="1" t="s">
        <v>544</v>
      </c>
      <c r="S22" s="1" t="s">
        <v>246</v>
      </c>
      <c r="T22" s="1" t="s">
        <v>62</v>
      </c>
      <c r="U22" s="1">
        <v>7.3</v>
      </c>
      <c r="V22" s="1"/>
      <c r="W22" s="1"/>
      <c r="X22" s="1">
        <v>6.8</v>
      </c>
      <c r="Y22" s="1">
        <v>1.2</v>
      </c>
      <c r="Z22" s="1"/>
      <c r="AA22" s="1" t="s">
        <v>711</v>
      </c>
      <c r="AB22" s="1" t="s">
        <v>711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6</v>
      </c>
      <c r="BP22" s="1">
        <v>32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184</v>
      </c>
      <c r="B23" s="2">
        <v>0.41666666666666669</v>
      </c>
      <c r="C23" s="1" t="s">
        <v>645</v>
      </c>
      <c r="D23" s="1" t="s">
        <v>27</v>
      </c>
      <c r="E23" s="1" t="s">
        <v>646</v>
      </c>
      <c r="F23" s="1" t="s">
        <v>130</v>
      </c>
      <c r="G23" s="1" t="s">
        <v>558</v>
      </c>
      <c r="H23" s="1" t="s">
        <v>305</v>
      </c>
      <c r="I23" s="1" t="s">
        <v>559</v>
      </c>
      <c r="J23" s="1" t="s">
        <v>528</v>
      </c>
      <c r="K23" s="1" t="s">
        <v>401</v>
      </c>
      <c r="L23" s="1" t="s">
        <v>68</v>
      </c>
      <c r="N23" s="1" t="s">
        <v>36</v>
      </c>
      <c r="O23" s="1" t="s">
        <v>465</v>
      </c>
      <c r="P23" s="1" t="s">
        <v>529</v>
      </c>
      <c r="Q23" s="1" t="s">
        <v>495</v>
      </c>
      <c r="R23" s="1" t="s">
        <v>280</v>
      </c>
      <c r="S23" s="1" t="s">
        <v>117</v>
      </c>
      <c r="T23" s="1" t="s">
        <v>119</v>
      </c>
      <c r="U23" s="1">
        <v>8.6</v>
      </c>
      <c r="V23" s="3">
        <v>23000</v>
      </c>
      <c r="W23" s="1" t="s">
        <v>670</v>
      </c>
      <c r="X23" s="1">
        <v>6.6</v>
      </c>
      <c r="Y23" s="1">
        <v>0.54</v>
      </c>
      <c r="Z23" s="1">
        <v>3.5000000000000003E-2</v>
      </c>
      <c r="AA23" s="1" t="s">
        <v>714</v>
      </c>
      <c r="AB23" s="1" t="s">
        <v>724</v>
      </c>
      <c r="AC23" s="1" t="s">
        <v>671</v>
      </c>
      <c r="AD23" s="1" t="s">
        <v>672</v>
      </c>
      <c r="AE23" s="1" t="s">
        <v>674</v>
      </c>
      <c r="AF23" s="1" t="s">
        <v>673</v>
      </c>
      <c r="AG23" s="1" t="s">
        <v>674</v>
      </c>
      <c r="AH23" s="1" t="s">
        <v>675</v>
      </c>
      <c r="AI23" s="1"/>
      <c r="AJ23" s="1" t="s">
        <v>675</v>
      </c>
      <c r="AK23" s="1" t="s">
        <v>676</v>
      </c>
      <c r="AL23" s="1" t="s">
        <v>676</v>
      </c>
      <c r="AM23" s="1" t="s">
        <v>676</v>
      </c>
      <c r="AN23" s="1" t="s">
        <v>676</v>
      </c>
      <c r="AO23" s="1" t="s">
        <v>676</v>
      </c>
      <c r="AP23" t="s">
        <v>676</v>
      </c>
      <c r="AQ23" s="1" t="s">
        <v>676</v>
      </c>
      <c r="AR23" s="1" t="s">
        <v>676</v>
      </c>
      <c r="AS23" s="1" t="s">
        <v>676</v>
      </c>
      <c r="AT23" s="1" t="s">
        <v>678</v>
      </c>
      <c r="AU23" s="1"/>
      <c r="AV23" s="1"/>
      <c r="AW23" s="1"/>
      <c r="AX23" s="1" t="s">
        <v>676</v>
      </c>
      <c r="AY23" s="1" t="s">
        <v>682</v>
      </c>
      <c r="AZ23" s="1" t="s">
        <v>683</v>
      </c>
      <c r="BA23" s="1">
        <v>0.04</v>
      </c>
      <c r="BB23" s="1">
        <v>0.33</v>
      </c>
      <c r="BC23" s="1">
        <v>4.8</v>
      </c>
      <c r="BD23" s="1">
        <v>5.0999999999999996</v>
      </c>
      <c r="BE23" s="1" t="s">
        <v>674</v>
      </c>
      <c r="BF23" s="1" t="s">
        <v>674</v>
      </c>
      <c r="BG23" s="1">
        <v>4.0000000000000001E-3</v>
      </c>
      <c r="BH23" s="1">
        <v>0.06</v>
      </c>
      <c r="BI23" s="1">
        <v>0.02</v>
      </c>
      <c r="BJ23" s="1" t="s">
        <v>673</v>
      </c>
      <c r="BK23" s="1" t="s">
        <v>675</v>
      </c>
      <c r="BL23" s="1" t="s">
        <v>690</v>
      </c>
      <c r="BM23" s="1">
        <v>0.38</v>
      </c>
      <c r="BN23" s="1">
        <v>0.43</v>
      </c>
      <c r="BO23" s="1">
        <v>36</v>
      </c>
      <c r="BP23" s="1">
        <v>31</v>
      </c>
      <c r="BQ23" s="1"/>
      <c r="BR23" s="1" t="s">
        <v>689</v>
      </c>
      <c r="BS23" s="1" t="s">
        <v>674</v>
      </c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91666666666666663</v>
      </c>
      <c r="C24" s="1" t="s">
        <v>645</v>
      </c>
      <c r="D24" s="1" t="s">
        <v>27</v>
      </c>
      <c r="E24" s="1" t="s">
        <v>646</v>
      </c>
      <c r="F24" s="1" t="s">
        <v>448</v>
      </c>
      <c r="G24" s="1" t="s">
        <v>334</v>
      </c>
      <c r="H24" s="1" t="s">
        <v>543</v>
      </c>
      <c r="I24" s="1" t="s">
        <v>485</v>
      </c>
      <c r="J24" s="1" t="s">
        <v>528</v>
      </c>
      <c r="K24" s="1" t="s">
        <v>219</v>
      </c>
      <c r="N24" s="1" t="s">
        <v>36</v>
      </c>
      <c r="P24" s="1" t="s">
        <v>529</v>
      </c>
      <c r="Q24" s="1" t="s">
        <v>51</v>
      </c>
      <c r="R24" s="1" t="s">
        <v>273</v>
      </c>
      <c r="S24" s="1" t="s">
        <v>480</v>
      </c>
      <c r="T24" s="1" t="s">
        <v>72</v>
      </c>
      <c r="U24" s="1">
        <v>6.4</v>
      </c>
      <c r="V24" s="1"/>
      <c r="W24" s="1"/>
      <c r="X24" s="1">
        <v>7.9</v>
      </c>
      <c r="Y24" s="1">
        <v>0.66</v>
      </c>
      <c r="Z24" s="1"/>
      <c r="AA24" s="1" t="s">
        <v>711</v>
      </c>
      <c r="AB24" s="1" t="s">
        <v>711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37</v>
      </c>
      <c r="BP24" s="1">
        <v>33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96</v>
      </c>
      <c r="B25" s="2">
        <v>0.39583333333333331</v>
      </c>
      <c r="C25" s="1" t="s">
        <v>645</v>
      </c>
      <c r="D25" s="1" t="s">
        <v>27</v>
      </c>
      <c r="E25" s="1" t="s">
        <v>646</v>
      </c>
      <c r="F25" s="1" t="s">
        <v>560</v>
      </c>
      <c r="G25" s="1" t="s">
        <v>144</v>
      </c>
      <c r="H25" s="1" t="s">
        <v>561</v>
      </c>
      <c r="I25" s="1" t="s">
        <v>562</v>
      </c>
      <c r="J25" s="1" t="s">
        <v>528</v>
      </c>
      <c r="K25" s="1" t="s">
        <v>401</v>
      </c>
      <c r="L25" s="1" t="s">
        <v>68</v>
      </c>
      <c r="N25" s="1" t="s">
        <v>36</v>
      </c>
      <c r="O25" s="1" t="s">
        <v>465</v>
      </c>
      <c r="P25" s="1" t="s">
        <v>529</v>
      </c>
      <c r="Q25" s="1" t="s">
        <v>215</v>
      </c>
      <c r="R25" s="1" t="s">
        <v>257</v>
      </c>
      <c r="S25" s="1" t="s">
        <v>195</v>
      </c>
      <c r="T25" s="1" t="s">
        <v>72</v>
      </c>
      <c r="U25" s="1">
        <v>9.4</v>
      </c>
      <c r="V25" s="3">
        <v>4600</v>
      </c>
      <c r="W25" s="1"/>
      <c r="X25" s="1">
        <v>4.4000000000000004</v>
      </c>
      <c r="Y25" s="1">
        <v>0.86</v>
      </c>
      <c r="Z25" s="1">
        <v>3.1E-2</v>
      </c>
      <c r="AA25" s="1" t="s">
        <v>714</v>
      </c>
      <c r="AB25" s="1" t="s">
        <v>725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6</v>
      </c>
      <c r="BC25" s="1">
        <v>3.7</v>
      </c>
      <c r="BD25" s="1">
        <v>3.7</v>
      </c>
      <c r="BE25" s="1"/>
      <c r="BF25" s="1"/>
      <c r="BG25" s="1"/>
      <c r="BH25" s="1"/>
      <c r="BI25" s="1"/>
      <c r="BJ25" s="1"/>
      <c r="BK25" s="1"/>
      <c r="BL25" s="1"/>
      <c r="BM25" s="1">
        <v>0.12</v>
      </c>
      <c r="BN25" s="1">
        <v>0.73</v>
      </c>
      <c r="BO25" s="1">
        <v>34</v>
      </c>
      <c r="BP25" s="1">
        <v>28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9583333333333337</v>
      </c>
      <c r="C26" s="1" t="s">
        <v>645</v>
      </c>
      <c r="D26" s="1" t="s">
        <v>232</v>
      </c>
      <c r="E26" s="1" t="s">
        <v>646</v>
      </c>
      <c r="F26" s="1" t="s">
        <v>202</v>
      </c>
      <c r="G26" s="1" t="s">
        <v>563</v>
      </c>
      <c r="H26" s="1" t="s">
        <v>489</v>
      </c>
      <c r="I26" s="1" t="s">
        <v>175</v>
      </c>
      <c r="J26" s="1" t="s">
        <v>528</v>
      </c>
      <c r="K26" s="1" t="s">
        <v>401</v>
      </c>
      <c r="N26" s="1" t="s">
        <v>36</v>
      </c>
      <c r="P26" s="1" t="s">
        <v>529</v>
      </c>
      <c r="Q26" s="1" t="s">
        <v>231</v>
      </c>
      <c r="R26" s="1" t="s">
        <v>169</v>
      </c>
      <c r="S26" s="1" t="s">
        <v>39</v>
      </c>
      <c r="T26" s="1" t="s">
        <v>72</v>
      </c>
      <c r="U26" s="1">
        <v>7.1</v>
      </c>
      <c r="V26" s="1"/>
      <c r="W26" s="1"/>
      <c r="X26" s="1">
        <v>5.9</v>
      </c>
      <c r="Y26" s="1">
        <v>1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6</v>
      </c>
      <c r="BP26" s="1">
        <v>29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</sheetData>
  <phoneticPr fontId="18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9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65</v>
      </c>
      <c r="C1" s="1" t="s">
        <v>1</v>
      </c>
      <c r="D1" s="1" t="s">
        <v>666</v>
      </c>
      <c r="E1" s="1" t="s">
        <v>2</v>
      </c>
      <c r="F1" s="1" t="s">
        <v>636</v>
      </c>
      <c r="G1" s="1" t="s">
        <v>3</v>
      </c>
      <c r="H1" s="1" t="s">
        <v>664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7</v>
      </c>
      <c r="AB2" s="1" t="s">
        <v>707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1666666666666669</v>
      </c>
      <c r="C4" s="1" t="s">
        <v>645</v>
      </c>
      <c r="D4" s="1" t="s">
        <v>27</v>
      </c>
      <c r="E4" s="1" t="s">
        <v>28</v>
      </c>
      <c r="F4" s="1" t="s">
        <v>44</v>
      </c>
      <c r="G4" s="1" t="s">
        <v>203</v>
      </c>
      <c r="H4" s="1" t="s">
        <v>561</v>
      </c>
      <c r="I4" s="1" t="s">
        <v>564</v>
      </c>
      <c r="J4" s="1" t="s">
        <v>528</v>
      </c>
      <c r="K4" s="1" t="s">
        <v>565</v>
      </c>
      <c r="L4" s="1" t="s">
        <v>68</v>
      </c>
      <c r="N4" s="1" t="s">
        <v>36</v>
      </c>
      <c r="O4" s="1" t="s">
        <v>465</v>
      </c>
      <c r="P4" s="1" t="s">
        <v>466</v>
      </c>
      <c r="Q4" s="1" t="s">
        <v>246</v>
      </c>
      <c r="R4" s="1" t="s">
        <v>87</v>
      </c>
      <c r="S4" s="1" t="s">
        <v>50</v>
      </c>
      <c r="T4" s="1" t="s">
        <v>442</v>
      </c>
      <c r="U4" s="1">
        <v>16.3</v>
      </c>
      <c r="V4" s="3">
        <v>4600</v>
      </c>
      <c r="W4" s="1"/>
      <c r="X4" s="1">
        <v>1.8</v>
      </c>
      <c r="Y4" s="1">
        <v>3.5999999999999997E-2</v>
      </c>
      <c r="Z4" s="1">
        <v>2E-3</v>
      </c>
      <c r="AA4" s="1" t="s">
        <v>714</v>
      </c>
      <c r="AB4" s="1" t="s">
        <v>726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9</v>
      </c>
      <c r="BC4" s="1">
        <v>1.5</v>
      </c>
      <c r="BD4" s="1">
        <v>1.5</v>
      </c>
      <c r="BE4" s="1"/>
      <c r="BF4" s="1"/>
      <c r="BG4" s="1"/>
      <c r="BH4" s="1"/>
      <c r="BI4" s="1"/>
      <c r="BJ4" s="1"/>
      <c r="BK4" s="1"/>
      <c r="BL4" s="1"/>
      <c r="BM4" s="1" t="s">
        <v>691</v>
      </c>
      <c r="BN4" s="1">
        <v>0.02</v>
      </c>
      <c r="BO4" s="1">
        <v>43</v>
      </c>
      <c r="BP4" s="1">
        <v>1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1666666666666663</v>
      </c>
      <c r="C5" s="1" t="s">
        <v>645</v>
      </c>
      <c r="D5" s="1" t="s">
        <v>27</v>
      </c>
      <c r="E5" s="1" t="s">
        <v>28</v>
      </c>
      <c r="F5" s="1" t="s">
        <v>566</v>
      </c>
      <c r="G5" s="1" t="s">
        <v>557</v>
      </c>
      <c r="H5" s="1" t="s">
        <v>508</v>
      </c>
      <c r="I5" s="1" t="s">
        <v>567</v>
      </c>
      <c r="J5" s="1" t="s">
        <v>528</v>
      </c>
      <c r="K5" s="1" t="s">
        <v>565</v>
      </c>
      <c r="N5" s="1" t="s">
        <v>36</v>
      </c>
      <c r="P5" s="1" t="s">
        <v>466</v>
      </c>
      <c r="Q5" s="1" t="s">
        <v>103</v>
      </c>
      <c r="R5" s="1" t="s">
        <v>118</v>
      </c>
      <c r="S5" s="1" t="s">
        <v>130</v>
      </c>
      <c r="T5" s="1" t="s">
        <v>131</v>
      </c>
      <c r="U5" s="1">
        <v>6.3</v>
      </c>
      <c r="V5" s="1"/>
      <c r="W5" s="1"/>
      <c r="X5" s="1">
        <v>2</v>
      </c>
      <c r="Y5" s="1">
        <v>5.3999999999999999E-2</v>
      </c>
      <c r="Z5" s="1"/>
      <c r="AA5" s="1" t="s">
        <v>711</v>
      </c>
      <c r="AB5" s="1" t="s">
        <v>711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3</v>
      </c>
      <c r="BP5" s="1">
        <v>11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41666666666666669</v>
      </c>
      <c r="C6" s="1" t="s">
        <v>645</v>
      </c>
      <c r="D6" s="1" t="s">
        <v>532</v>
      </c>
      <c r="E6" s="1" t="s">
        <v>28</v>
      </c>
      <c r="F6" s="1" t="s">
        <v>568</v>
      </c>
      <c r="G6" s="1" t="s">
        <v>63</v>
      </c>
      <c r="H6" s="1" t="s">
        <v>243</v>
      </c>
      <c r="I6" s="1" t="s">
        <v>269</v>
      </c>
      <c r="J6" s="1" t="s">
        <v>528</v>
      </c>
      <c r="K6" s="1" t="s">
        <v>565</v>
      </c>
      <c r="L6" s="1" t="s">
        <v>68</v>
      </c>
      <c r="N6" s="1" t="s">
        <v>36</v>
      </c>
      <c r="O6" s="1" t="s">
        <v>465</v>
      </c>
      <c r="P6" s="1" t="s">
        <v>466</v>
      </c>
      <c r="Q6" s="1" t="s">
        <v>480</v>
      </c>
      <c r="R6" s="1" t="s">
        <v>152</v>
      </c>
      <c r="S6" s="1" t="s">
        <v>278</v>
      </c>
      <c r="T6" s="1" t="s">
        <v>442</v>
      </c>
      <c r="U6" s="1">
        <v>14.3</v>
      </c>
      <c r="V6" s="3">
        <v>4900</v>
      </c>
      <c r="W6" s="1"/>
      <c r="X6" s="1">
        <v>1.4</v>
      </c>
      <c r="Y6" s="1">
        <v>3.9E-2</v>
      </c>
      <c r="Z6" s="1">
        <v>2E-3</v>
      </c>
      <c r="AA6" s="1" t="s">
        <v>714</v>
      </c>
      <c r="AB6" s="1" t="s">
        <v>727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1.2</v>
      </c>
      <c r="BD6" s="1">
        <v>1.2</v>
      </c>
      <c r="BE6" s="1"/>
      <c r="BF6" s="1"/>
      <c r="BG6" s="1"/>
      <c r="BH6" s="1"/>
      <c r="BI6" s="1"/>
      <c r="BJ6" s="1"/>
      <c r="BK6" s="1"/>
      <c r="BL6" s="1"/>
      <c r="BM6" s="1" t="s">
        <v>691</v>
      </c>
      <c r="BN6" s="1">
        <v>2.1999999999999999E-2</v>
      </c>
      <c r="BO6" s="1">
        <v>39</v>
      </c>
      <c r="BP6" s="1">
        <v>8.1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1666666666666663</v>
      </c>
      <c r="C7" s="1" t="s">
        <v>645</v>
      </c>
      <c r="D7" s="1" t="s">
        <v>27</v>
      </c>
      <c r="E7" s="1" t="s">
        <v>28</v>
      </c>
      <c r="F7" s="1" t="s">
        <v>74</v>
      </c>
      <c r="G7" s="1" t="s">
        <v>266</v>
      </c>
      <c r="H7" s="1" t="s">
        <v>569</v>
      </c>
      <c r="I7" s="1" t="s">
        <v>210</v>
      </c>
      <c r="J7" s="1" t="s">
        <v>528</v>
      </c>
      <c r="K7" s="1" t="s">
        <v>565</v>
      </c>
      <c r="N7" s="1" t="s">
        <v>36</v>
      </c>
      <c r="P7" s="1" t="s">
        <v>466</v>
      </c>
      <c r="Q7" s="1" t="s">
        <v>41</v>
      </c>
      <c r="R7" s="1" t="s">
        <v>226</v>
      </c>
      <c r="S7" s="1" t="s">
        <v>570</v>
      </c>
      <c r="T7" s="1" t="s">
        <v>442</v>
      </c>
      <c r="U7" s="1">
        <v>7</v>
      </c>
      <c r="V7" s="1"/>
      <c r="W7" s="1"/>
      <c r="X7" s="1">
        <v>1.3</v>
      </c>
      <c r="Y7" s="1">
        <v>3.9E-2</v>
      </c>
      <c r="Z7" s="1"/>
      <c r="AA7" s="1" t="s">
        <v>711</v>
      </c>
      <c r="AB7" s="1" t="s">
        <v>71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41</v>
      </c>
      <c r="BP7" s="1">
        <v>8.3000000000000007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35</v>
      </c>
      <c r="B8" s="2">
        <v>0.41666666666666669</v>
      </c>
      <c r="C8" s="1" t="s">
        <v>645</v>
      </c>
      <c r="D8" s="1" t="s">
        <v>27</v>
      </c>
      <c r="E8" s="1" t="s">
        <v>28</v>
      </c>
      <c r="F8" s="1" t="s">
        <v>549</v>
      </c>
      <c r="G8" s="1" t="s">
        <v>571</v>
      </c>
      <c r="H8" s="1" t="s">
        <v>272</v>
      </c>
      <c r="I8" s="1" t="s">
        <v>564</v>
      </c>
      <c r="J8" s="1" t="s">
        <v>528</v>
      </c>
      <c r="K8" s="1" t="s">
        <v>565</v>
      </c>
      <c r="L8" s="1" t="s">
        <v>68</v>
      </c>
      <c r="N8" s="1" t="s">
        <v>36</v>
      </c>
      <c r="O8" s="1" t="s">
        <v>465</v>
      </c>
      <c r="P8" s="1" t="s">
        <v>466</v>
      </c>
      <c r="Q8" s="1" t="s">
        <v>453</v>
      </c>
      <c r="R8" s="1" t="s">
        <v>401</v>
      </c>
      <c r="S8" s="1" t="s">
        <v>214</v>
      </c>
      <c r="T8" s="1" t="s">
        <v>131</v>
      </c>
      <c r="U8" s="1">
        <v>14.3</v>
      </c>
      <c r="V8" s="3">
        <v>4900</v>
      </c>
      <c r="W8" s="1"/>
      <c r="X8" s="1">
        <v>1.2</v>
      </c>
      <c r="Y8" s="1">
        <v>4.2999999999999997E-2</v>
      </c>
      <c r="Z8" s="1">
        <v>2E-3</v>
      </c>
      <c r="AA8" s="1" t="s">
        <v>714</v>
      </c>
      <c r="AB8" s="1" t="s">
        <v>728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1</v>
      </c>
      <c r="BD8" s="1">
        <v>1</v>
      </c>
      <c r="BE8" s="1"/>
      <c r="BF8" s="1"/>
      <c r="BG8" s="1"/>
      <c r="BH8" s="1"/>
      <c r="BI8" s="1"/>
      <c r="BJ8" s="1"/>
      <c r="BK8" s="1"/>
      <c r="BL8" s="1"/>
      <c r="BM8" s="1" t="s">
        <v>691</v>
      </c>
      <c r="BN8" s="1">
        <v>2.7E-2</v>
      </c>
      <c r="BO8" s="1">
        <v>41</v>
      </c>
      <c r="BP8" s="1">
        <v>8.5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91666666666666663</v>
      </c>
      <c r="C9" s="1" t="s">
        <v>645</v>
      </c>
      <c r="D9" s="1" t="s">
        <v>27</v>
      </c>
      <c r="E9" s="1" t="s">
        <v>28</v>
      </c>
      <c r="F9" s="1" t="s">
        <v>304</v>
      </c>
      <c r="G9" s="1" t="s">
        <v>572</v>
      </c>
      <c r="H9" s="1" t="s">
        <v>309</v>
      </c>
      <c r="I9" s="1" t="s">
        <v>413</v>
      </c>
      <c r="J9" s="1" t="s">
        <v>528</v>
      </c>
      <c r="K9" s="1" t="s">
        <v>565</v>
      </c>
      <c r="N9" s="1" t="s">
        <v>36</v>
      </c>
      <c r="P9" s="1" t="s">
        <v>466</v>
      </c>
      <c r="Q9" s="1" t="s">
        <v>117</v>
      </c>
      <c r="R9" s="1" t="s">
        <v>401</v>
      </c>
      <c r="S9" s="1" t="s">
        <v>573</v>
      </c>
      <c r="T9" s="1" t="s">
        <v>131</v>
      </c>
      <c r="U9" s="1">
        <v>6.6</v>
      </c>
      <c r="V9" s="1"/>
      <c r="W9" s="1"/>
      <c r="X9" s="1">
        <v>1.5</v>
      </c>
      <c r="Y9" s="1">
        <v>4.9000000000000002E-2</v>
      </c>
      <c r="Z9" s="1"/>
      <c r="AA9" s="1" t="s">
        <v>711</v>
      </c>
      <c r="AB9" s="1" t="s">
        <v>71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42</v>
      </c>
      <c r="BP9" s="1">
        <v>8.9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41666666666666669</v>
      </c>
      <c r="C10" s="1" t="s">
        <v>645</v>
      </c>
      <c r="D10" s="1" t="s">
        <v>27</v>
      </c>
      <c r="E10" s="1" t="s">
        <v>28</v>
      </c>
      <c r="F10" s="1" t="s">
        <v>486</v>
      </c>
      <c r="G10" s="1" t="s">
        <v>547</v>
      </c>
      <c r="H10" s="1" t="s">
        <v>309</v>
      </c>
      <c r="I10" s="1" t="s">
        <v>564</v>
      </c>
      <c r="J10" s="1" t="s">
        <v>528</v>
      </c>
      <c r="K10" s="1" t="s">
        <v>565</v>
      </c>
      <c r="L10" s="1" t="s">
        <v>68</v>
      </c>
      <c r="N10" s="1" t="s">
        <v>36</v>
      </c>
      <c r="O10" s="1" t="s">
        <v>465</v>
      </c>
      <c r="P10" s="1" t="s">
        <v>466</v>
      </c>
      <c r="Q10" s="1" t="s">
        <v>553</v>
      </c>
      <c r="R10" s="1" t="s">
        <v>306</v>
      </c>
      <c r="S10" s="1" t="s">
        <v>411</v>
      </c>
      <c r="T10" s="1" t="s">
        <v>206</v>
      </c>
      <c r="U10" s="1">
        <v>17.899999999999999</v>
      </c>
      <c r="V10" s="3">
        <v>7900</v>
      </c>
      <c r="W10" s="1"/>
      <c r="X10" s="1">
        <v>0.93</v>
      </c>
      <c r="Y10" s="1">
        <v>2.1999999999999999E-2</v>
      </c>
      <c r="Z10" s="1">
        <v>2E-3</v>
      </c>
      <c r="AA10" s="1" t="s">
        <v>714</v>
      </c>
      <c r="AB10" s="1" t="s">
        <v>728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75</v>
      </c>
      <c r="AV10" s="1" t="s">
        <v>671</v>
      </c>
      <c r="AW10" s="1" t="s">
        <v>671</v>
      </c>
      <c r="AX10" s="1"/>
      <c r="AY10" s="1"/>
      <c r="AZ10" s="1"/>
      <c r="BA10" s="1"/>
      <c r="BB10" s="1">
        <v>0.01</v>
      </c>
      <c r="BC10" s="1">
        <v>0.59</v>
      </c>
      <c r="BD10" s="1">
        <v>0.64</v>
      </c>
      <c r="BE10" s="1"/>
      <c r="BF10" s="1"/>
      <c r="BG10" s="1"/>
      <c r="BH10" s="1"/>
      <c r="BI10" s="1"/>
      <c r="BJ10" s="1"/>
      <c r="BK10" s="1"/>
      <c r="BL10" s="1"/>
      <c r="BM10" s="1" t="s">
        <v>691</v>
      </c>
      <c r="BN10" s="1" t="s">
        <v>674</v>
      </c>
      <c r="BO10" s="1">
        <v>41</v>
      </c>
      <c r="BP10" s="1">
        <v>1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1666666666666663</v>
      </c>
      <c r="C11" s="1" t="s">
        <v>645</v>
      </c>
      <c r="D11" s="1" t="s">
        <v>27</v>
      </c>
      <c r="E11" s="1" t="s">
        <v>28</v>
      </c>
      <c r="F11" s="1" t="s">
        <v>574</v>
      </c>
      <c r="G11" s="1" t="s">
        <v>575</v>
      </c>
      <c r="H11" s="1" t="s">
        <v>298</v>
      </c>
      <c r="I11" s="1" t="s">
        <v>413</v>
      </c>
      <c r="J11" s="1" t="s">
        <v>528</v>
      </c>
      <c r="K11" s="1" t="s">
        <v>565</v>
      </c>
      <c r="N11" s="1" t="s">
        <v>36</v>
      </c>
      <c r="P11" s="1" t="s">
        <v>466</v>
      </c>
      <c r="Q11" s="1" t="s">
        <v>539</v>
      </c>
      <c r="R11" s="1" t="s">
        <v>306</v>
      </c>
      <c r="S11" s="1" t="s">
        <v>142</v>
      </c>
      <c r="T11" s="1" t="s">
        <v>119</v>
      </c>
      <c r="U11" s="1">
        <v>4.9000000000000004</v>
      </c>
      <c r="V11" s="1"/>
      <c r="W11" s="1"/>
      <c r="X11" s="1">
        <v>1.3</v>
      </c>
      <c r="Y11" s="1">
        <v>2.1999999999999999E-2</v>
      </c>
      <c r="Z11" s="1"/>
      <c r="AA11" s="1" t="s">
        <v>711</v>
      </c>
      <c r="AB11" s="1" t="s">
        <v>71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9</v>
      </c>
      <c r="BP11" s="1">
        <v>11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540</v>
      </c>
      <c r="B12" s="2">
        <v>0.42708333333333331</v>
      </c>
      <c r="C12" s="1" t="s">
        <v>645</v>
      </c>
      <c r="D12" s="1" t="s">
        <v>27</v>
      </c>
      <c r="E12" s="1" t="s">
        <v>28</v>
      </c>
      <c r="F12" s="1" t="s">
        <v>541</v>
      </c>
      <c r="G12" s="1" t="s">
        <v>379</v>
      </c>
      <c r="H12" s="1" t="s">
        <v>489</v>
      </c>
      <c r="I12" s="1" t="s">
        <v>564</v>
      </c>
      <c r="J12" s="1" t="s">
        <v>528</v>
      </c>
      <c r="K12" s="1" t="s">
        <v>565</v>
      </c>
      <c r="L12" s="1" t="s">
        <v>68</v>
      </c>
      <c r="N12" s="1" t="s">
        <v>36</v>
      </c>
      <c r="O12" s="1" t="s">
        <v>465</v>
      </c>
      <c r="P12" s="1" t="s">
        <v>466</v>
      </c>
      <c r="Q12" s="1" t="s">
        <v>480</v>
      </c>
      <c r="R12" s="1" t="s">
        <v>226</v>
      </c>
      <c r="S12" s="1" t="s">
        <v>341</v>
      </c>
      <c r="T12" s="1" t="s">
        <v>206</v>
      </c>
      <c r="U12" s="1">
        <v>18.399999999999999</v>
      </c>
      <c r="V12" s="3">
        <v>3300</v>
      </c>
      <c r="W12" s="1" t="s">
        <v>670</v>
      </c>
      <c r="X12" s="1">
        <v>0.59</v>
      </c>
      <c r="Y12" s="1">
        <v>1.2E-2</v>
      </c>
      <c r="Z12" s="1">
        <v>2E-3</v>
      </c>
      <c r="AA12" s="1" t="s">
        <v>714</v>
      </c>
      <c r="AB12" s="1" t="s">
        <v>724</v>
      </c>
      <c r="AC12" s="1" t="s">
        <v>671</v>
      </c>
      <c r="AD12" s="1" t="s">
        <v>672</v>
      </c>
      <c r="AE12" s="1" t="s">
        <v>674</v>
      </c>
      <c r="AF12" s="1" t="s">
        <v>673</v>
      </c>
      <c r="AG12" s="1" t="s">
        <v>674</v>
      </c>
      <c r="AH12" s="1" t="s">
        <v>675</v>
      </c>
      <c r="AI12" s="1"/>
      <c r="AJ12" s="1" t="s">
        <v>675</v>
      </c>
      <c r="AK12" s="1" t="s">
        <v>676</v>
      </c>
      <c r="AL12" s="1" t="s">
        <v>676</v>
      </c>
      <c r="AM12" s="1" t="s">
        <v>676</v>
      </c>
      <c r="AN12" s="1" t="s">
        <v>676</v>
      </c>
      <c r="AO12" s="1" t="s">
        <v>676</v>
      </c>
      <c r="AP12" t="s">
        <v>676</v>
      </c>
      <c r="AQ12" s="1" t="s">
        <v>676</v>
      </c>
      <c r="AR12" s="1" t="s">
        <v>676</v>
      </c>
      <c r="AS12" s="1" t="s">
        <v>676</v>
      </c>
      <c r="AT12" s="1" t="s">
        <v>678</v>
      </c>
      <c r="AU12" s="1"/>
      <c r="AV12" s="1"/>
      <c r="AW12" s="1"/>
      <c r="AX12" s="1" t="s">
        <v>676</v>
      </c>
      <c r="AY12" s="1" t="s">
        <v>682</v>
      </c>
      <c r="AZ12" s="1">
        <v>0.17</v>
      </c>
      <c r="BA12" s="1">
        <v>0.03</v>
      </c>
      <c r="BB12" s="1" t="s">
        <v>672</v>
      </c>
      <c r="BC12" s="1">
        <v>0.3</v>
      </c>
      <c r="BD12" s="1">
        <v>0.35</v>
      </c>
      <c r="BE12" s="1" t="s">
        <v>674</v>
      </c>
      <c r="BF12" s="1" t="s">
        <v>674</v>
      </c>
      <c r="BG12" s="1" t="s">
        <v>685</v>
      </c>
      <c r="BH12" s="1">
        <v>0.11</v>
      </c>
      <c r="BI12" s="1" t="s">
        <v>672</v>
      </c>
      <c r="BJ12" s="1" t="s">
        <v>673</v>
      </c>
      <c r="BK12" s="1" t="s">
        <v>675</v>
      </c>
      <c r="BL12" s="1" t="s">
        <v>690</v>
      </c>
      <c r="BM12" s="1" t="s">
        <v>691</v>
      </c>
      <c r="BN12" s="1">
        <v>8.9999999999999993E-3</v>
      </c>
      <c r="BO12" s="1">
        <v>39</v>
      </c>
      <c r="BP12" s="1">
        <v>10</v>
      </c>
      <c r="BQ12" s="1"/>
      <c r="BR12" s="1" t="s">
        <v>689</v>
      </c>
      <c r="BS12" s="1">
        <v>7.0000000000000001E-3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92708333333333337</v>
      </c>
      <c r="C13" s="1" t="s">
        <v>645</v>
      </c>
      <c r="D13" s="1" t="s">
        <v>27</v>
      </c>
      <c r="E13" s="1" t="s">
        <v>28</v>
      </c>
      <c r="F13" s="1" t="s">
        <v>378</v>
      </c>
      <c r="G13" s="1" t="s">
        <v>576</v>
      </c>
      <c r="H13" s="1" t="s">
        <v>296</v>
      </c>
      <c r="I13" s="1" t="s">
        <v>567</v>
      </c>
      <c r="J13" s="1" t="s">
        <v>528</v>
      </c>
      <c r="K13" s="1" t="s">
        <v>565</v>
      </c>
      <c r="N13" s="1" t="s">
        <v>36</v>
      </c>
      <c r="P13" s="1" t="s">
        <v>466</v>
      </c>
      <c r="Q13" s="1" t="s">
        <v>189</v>
      </c>
      <c r="R13" s="1" t="s">
        <v>219</v>
      </c>
      <c r="S13" s="1" t="s">
        <v>411</v>
      </c>
      <c r="T13" s="1" t="s">
        <v>131</v>
      </c>
      <c r="U13" s="1">
        <v>6.2</v>
      </c>
      <c r="V13" s="1"/>
      <c r="W13" s="1"/>
      <c r="X13" s="1">
        <v>0.94</v>
      </c>
      <c r="Y13" s="1">
        <v>2.9000000000000001E-2</v>
      </c>
      <c r="Z13" s="1"/>
      <c r="AA13" s="1" t="s">
        <v>711</v>
      </c>
      <c r="AB13" s="1" t="s">
        <v>711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5</v>
      </c>
      <c r="BP13" s="1">
        <v>1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49</v>
      </c>
      <c r="B14" s="2">
        <v>0.41666666666666669</v>
      </c>
      <c r="C14" s="1" t="s">
        <v>645</v>
      </c>
      <c r="D14" s="1" t="s">
        <v>27</v>
      </c>
      <c r="E14" s="1" t="s">
        <v>646</v>
      </c>
      <c r="F14" s="1" t="s">
        <v>577</v>
      </c>
      <c r="G14" s="1" t="s">
        <v>133</v>
      </c>
      <c r="H14" s="1" t="s">
        <v>464</v>
      </c>
      <c r="I14" s="1" t="s">
        <v>269</v>
      </c>
      <c r="J14" s="1" t="s">
        <v>528</v>
      </c>
      <c r="K14" s="1" t="s">
        <v>565</v>
      </c>
      <c r="L14" s="1" t="s">
        <v>68</v>
      </c>
      <c r="N14" s="1" t="s">
        <v>36</v>
      </c>
      <c r="O14" s="1" t="s">
        <v>465</v>
      </c>
      <c r="P14" s="1" t="s">
        <v>466</v>
      </c>
      <c r="Q14" s="1" t="s">
        <v>453</v>
      </c>
      <c r="R14" s="1" t="s">
        <v>374</v>
      </c>
      <c r="S14" s="1" t="s">
        <v>194</v>
      </c>
      <c r="T14" s="1" t="s">
        <v>442</v>
      </c>
      <c r="U14" s="1">
        <v>12.7</v>
      </c>
      <c r="V14" s="3">
        <v>33000</v>
      </c>
      <c r="W14" s="1"/>
      <c r="X14" s="1">
        <v>1.2</v>
      </c>
      <c r="Y14" s="1">
        <v>3.3000000000000002E-2</v>
      </c>
      <c r="Z14" s="1">
        <v>2E-3</v>
      </c>
      <c r="AA14" s="1" t="s">
        <v>714</v>
      </c>
      <c r="AB14" s="1" t="s">
        <v>729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1.1000000000000001</v>
      </c>
      <c r="BD14" s="1">
        <v>1.1000000000000001</v>
      </c>
      <c r="BE14" s="1"/>
      <c r="BF14" s="1"/>
      <c r="BG14" s="1"/>
      <c r="BH14" s="1"/>
      <c r="BI14" s="1"/>
      <c r="BJ14" s="1"/>
      <c r="BK14" s="1"/>
      <c r="BL14" s="1"/>
      <c r="BM14" s="1" t="s">
        <v>691</v>
      </c>
      <c r="BN14" s="1">
        <v>1.9E-2</v>
      </c>
      <c r="BO14" s="1">
        <v>39</v>
      </c>
      <c r="BP14" s="1">
        <v>8.1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32</v>
      </c>
      <c r="B15" s="2">
        <v>0.41666666666666669</v>
      </c>
      <c r="C15" s="1" t="s">
        <v>645</v>
      </c>
      <c r="D15" s="1" t="s">
        <v>54</v>
      </c>
      <c r="E15" s="1" t="s">
        <v>28</v>
      </c>
      <c r="F15" s="1" t="s">
        <v>98</v>
      </c>
      <c r="G15" s="1" t="s">
        <v>75</v>
      </c>
      <c r="H15" s="1" t="s">
        <v>286</v>
      </c>
      <c r="I15" s="1" t="s">
        <v>430</v>
      </c>
      <c r="J15" s="1" t="s">
        <v>528</v>
      </c>
      <c r="K15" s="1" t="s">
        <v>565</v>
      </c>
      <c r="L15" s="1" t="s">
        <v>68</v>
      </c>
      <c r="N15" s="1" t="s">
        <v>36</v>
      </c>
      <c r="O15" s="1" t="s">
        <v>465</v>
      </c>
      <c r="P15" s="1" t="s">
        <v>466</v>
      </c>
      <c r="Q15" s="1" t="s">
        <v>453</v>
      </c>
      <c r="R15" s="1" t="s">
        <v>152</v>
      </c>
      <c r="S15" s="1" t="s">
        <v>194</v>
      </c>
      <c r="T15" s="1" t="s">
        <v>442</v>
      </c>
      <c r="U15" s="1">
        <v>15</v>
      </c>
      <c r="V15" s="3">
        <v>33000</v>
      </c>
      <c r="W15" s="1"/>
      <c r="X15" s="1">
        <v>1.3</v>
      </c>
      <c r="Y15" s="1">
        <v>3.1E-2</v>
      </c>
      <c r="Z15" s="1">
        <v>2E-3</v>
      </c>
      <c r="AA15" s="1" t="s">
        <v>714</v>
      </c>
      <c r="AB15" s="1" t="s">
        <v>718</v>
      </c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675</v>
      </c>
      <c r="AV15" s="1" t="s">
        <v>671</v>
      </c>
      <c r="AW15" s="1" t="s">
        <v>671</v>
      </c>
      <c r="AX15" s="1"/>
      <c r="AY15" s="1"/>
      <c r="AZ15" s="1"/>
      <c r="BA15" s="1"/>
      <c r="BB15" s="1">
        <v>0.01</v>
      </c>
      <c r="BC15" s="1">
        <v>1.2</v>
      </c>
      <c r="BD15" s="1">
        <v>1.2</v>
      </c>
      <c r="BE15" s="1"/>
      <c r="BF15" s="1"/>
      <c r="BG15" s="1"/>
      <c r="BH15" s="1"/>
      <c r="BI15" s="1"/>
      <c r="BJ15" s="1"/>
      <c r="BK15" s="1"/>
      <c r="BL15" s="1"/>
      <c r="BM15" s="1" t="s">
        <v>691</v>
      </c>
      <c r="BN15" s="1">
        <v>0.02</v>
      </c>
      <c r="BO15" s="1">
        <v>42</v>
      </c>
      <c r="BP15" s="1">
        <v>8.6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B16" s="2">
        <v>0.91666666666666663</v>
      </c>
      <c r="C16" s="1" t="s">
        <v>645</v>
      </c>
      <c r="D16" s="1" t="s">
        <v>27</v>
      </c>
      <c r="E16" s="1" t="s">
        <v>28</v>
      </c>
      <c r="F16" s="1" t="s">
        <v>471</v>
      </c>
      <c r="G16" s="1" t="s">
        <v>351</v>
      </c>
      <c r="H16" s="1" t="s">
        <v>484</v>
      </c>
      <c r="I16" s="1" t="s">
        <v>413</v>
      </c>
      <c r="J16" s="1" t="s">
        <v>528</v>
      </c>
      <c r="K16" s="1" t="s">
        <v>565</v>
      </c>
      <c r="N16" s="1" t="s">
        <v>36</v>
      </c>
      <c r="P16" s="1" t="s">
        <v>466</v>
      </c>
      <c r="Q16" s="1" t="s">
        <v>128</v>
      </c>
      <c r="R16" s="1" t="s">
        <v>401</v>
      </c>
      <c r="S16" s="1" t="s">
        <v>169</v>
      </c>
      <c r="T16" s="1" t="s">
        <v>131</v>
      </c>
      <c r="U16" s="1">
        <v>6.6</v>
      </c>
      <c r="V16" s="1"/>
      <c r="W16" s="1"/>
      <c r="X16" s="1">
        <v>1.5</v>
      </c>
      <c r="Y16" s="1">
        <v>3.5999999999999997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  <c r="BL16" s="1"/>
      <c r="BM16" s="1"/>
      <c r="BN16" s="1"/>
      <c r="BO16" s="1">
        <v>43</v>
      </c>
      <c r="BP16" s="1">
        <v>9.1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A17" s="1" t="s">
        <v>551</v>
      </c>
      <c r="B17" s="2">
        <v>0.41666666666666669</v>
      </c>
      <c r="C17" s="1" t="s">
        <v>645</v>
      </c>
      <c r="D17" s="1" t="s">
        <v>54</v>
      </c>
      <c r="E17" s="1" t="s">
        <v>646</v>
      </c>
      <c r="F17" s="1" t="s">
        <v>349</v>
      </c>
      <c r="G17" s="1" t="s">
        <v>578</v>
      </c>
      <c r="H17" s="1" t="s">
        <v>211</v>
      </c>
      <c r="I17" s="1" t="s">
        <v>430</v>
      </c>
      <c r="J17" s="1" t="s">
        <v>528</v>
      </c>
      <c r="K17" s="1" t="s">
        <v>565</v>
      </c>
      <c r="L17" s="1" t="s">
        <v>68</v>
      </c>
      <c r="N17" s="1" t="s">
        <v>36</v>
      </c>
      <c r="O17" s="1" t="s">
        <v>465</v>
      </c>
      <c r="P17" s="1" t="s">
        <v>466</v>
      </c>
      <c r="Q17" s="1" t="s">
        <v>246</v>
      </c>
      <c r="R17" s="1" t="s">
        <v>219</v>
      </c>
      <c r="S17" s="1" t="s">
        <v>178</v>
      </c>
      <c r="T17" s="1" t="s">
        <v>442</v>
      </c>
      <c r="U17" s="1">
        <v>17.2</v>
      </c>
      <c r="V17" s="3">
        <v>3300</v>
      </c>
      <c r="W17" s="1"/>
      <c r="X17" s="1">
        <v>1.7</v>
      </c>
      <c r="Y17" s="1">
        <v>3.5999999999999997E-2</v>
      </c>
      <c r="Z17" s="1">
        <v>2E-3</v>
      </c>
      <c r="AA17" s="1" t="s">
        <v>714</v>
      </c>
      <c r="AB17" s="1" t="s">
        <v>730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1.5</v>
      </c>
      <c r="BD17" s="1">
        <v>1.5</v>
      </c>
      <c r="BE17" s="1"/>
      <c r="BF17" s="1"/>
      <c r="BG17" s="1"/>
      <c r="BH17" s="1"/>
      <c r="BI17" s="1"/>
      <c r="BJ17" s="1"/>
      <c r="BK17" s="1"/>
      <c r="BL17" s="1"/>
      <c r="BM17" s="1" t="s">
        <v>691</v>
      </c>
      <c r="BN17" s="1">
        <v>2.1999999999999999E-2</v>
      </c>
      <c r="BO17" s="1">
        <v>39</v>
      </c>
      <c r="BP17" s="1">
        <v>10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91666666666666663</v>
      </c>
      <c r="C18" s="1" t="s">
        <v>645</v>
      </c>
      <c r="D18" s="1" t="s">
        <v>54</v>
      </c>
      <c r="E18" s="1" t="s">
        <v>646</v>
      </c>
      <c r="F18" s="1" t="s">
        <v>579</v>
      </c>
      <c r="G18" s="1" t="s">
        <v>558</v>
      </c>
      <c r="H18" s="1" t="s">
        <v>580</v>
      </c>
      <c r="I18" s="1" t="s">
        <v>413</v>
      </c>
      <c r="J18" s="1" t="s">
        <v>528</v>
      </c>
      <c r="K18" s="1" t="s">
        <v>565</v>
      </c>
      <c r="N18" s="1" t="s">
        <v>36</v>
      </c>
      <c r="P18" s="1" t="s">
        <v>466</v>
      </c>
      <c r="Q18" s="1" t="s">
        <v>103</v>
      </c>
      <c r="R18" s="1" t="s">
        <v>277</v>
      </c>
      <c r="S18" s="1" t="s">
        <v>475</v>
      </c>
      <c r="T18" s="1" t="s">
        <v>442</v>
      </c>
      <c r="U18" s="1">
        <v>8.1999999999999993</v>
      </c>
      <c r="V18" s="1"/>
      <c r="W18" s="1"/>
      <c r="X18" s="1">
        <v>1.9</v>
      </c>
      <c r="Y18" s="1">
        <v>5.8000000000000003E-2</v>
      </c>
      <c r="Z18" s="1"/>
      <c r="AA18" s="1" t="s">
        <v>711</v>
      </c>
      <c r="AB18" s="1" t="s">
        <v>711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40</v>
      </c>
      <c r="BP18" s="1">
        <v>1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552</v>
      </c>
      <c r="B19" s="2">
        <v>0.41666666666666669</v>
      </c>
      <c r="C19" s="1" t="s">
        <v>645</v>
      </c>
      <c r="D19" s="1" t="s">
        <v>54</v>
      </c>
      <c r="E19" s="1" t="s">
        <v>28</v>
      </c>
      <c r="F19" s="1" t="s">
        <v>418</v>
      </c>
      <c r="G19" s="1" t="s">
        <v>95</v>
      </c>
      <c r="H19" s="1" t="s">
        <v>581</v>
      </c>
      <c r="I19" s="1" t="s">
        <v>567</v>
      </c>
      <c r="J19" s="1" t="s">
        <v>528</v>
      </c>
      <c r="K19" s="1" t="s">
        <v>565</v>
      </c>
      <c r="L19" s="1" t="s">
        <v>68</v>
      </c>
      <c r="N19" s="1" t="s">
        <v>36</v>
      </c>
      <c r="O19" s="1" t="s">
        <v>465</v>
      </c>
      <c r="P19" s="1" t="s">
        <v>466</v>
      </c>
      <c r="Q19" s="1" t="s">
        <v>117</v>
      </c>
      <c r="R19" s="1" t="s">
        <v>226</v>
      </c>
      <c r="S19" s="1" t="s">
        <v>570</v>
      </c>
      <c r="T19" s="1" t="s">
        <v>442</v>
      </c>
      <c r="U19" s="1">
        <v>14.5</v>
      </c>
      <c r="V19" s="3">
        <v>7900</v>
      </c>
      <c r="W19" s="1"/>
      <c r="X19" s="1">
        <v>2</v>
      </c>
      <c r="Y19" s="1">
        <v>3.5000000000000003E-2</v>
      </c>
      <c r="Z19" s="1">
        <v>3.0000000000000001E-3</v>
      </c>
      <c r="AA19" s="1" t="s">
        <v>714</v>
      </c>
      <c r="AB19" s="1" t="s">
        <v>73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1.7</v>
      </c>
      <c r="BD19" s="1">
        <v>1.7</v>
      </c>
      <c r="BE19" s="1"/>
      <c r="BF19" s="1"/>
      <c r="BG19" s="1"/>
      <c r="BH19" s="1"/>
      <c r="BI19" s="1"/>
      <c r="BJ19" s="1"/>
      <c r="BK19" s="1"/>
      <c r="BL19" s="1"/>
      <c r="BM19" s="1" t="s">
        <v>691</v>
      </c>
      <c r="BN19" s="1">
        <v>2.1000000000000001E-2</v>
      </c>
      <c r="BO19" s="1">
        <v>42</v>
      </c>
      <c r="BP19" s="1">
        <v>10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91666666666666663</v>
      </c>
      <c r="C20" s="1" t="s">
        <v>645</v>
      </c>
      <c r="D20" s="1" t="s">
        <v>54</v>
      </c>
      <c r="E20" s="1" t="s">
        <v>28</v>
      </c>
      <c r="F20" s="1" t="s">
        <v>51</v>
      </c>
      <c r="G20" s="1" t="s">
        <v>582</v>
      </c>
      <c r="H20" s="1" t="s">
        <v>270</v>
      </c>
      <c r="I20" s="1" t="s">
        <v>413</v>
      </c>
      <c r="J20" s="1" t="s">
        <v>528</v>
      </c>
      <c r="K20" s="1" t="s">
        <v>565</v>
      </c>
      <c r="N20" s="1" t="s">
        <v>36</v>
      </c>
      <c r="P20" s="1" t="s">
        <v>466</v>
      </c>
      <c r="Q20" s="1" t="s">
        <v>95</v>
      </c>
      <c r="R20" s="1" t="s">
        <v>401</v>
      </c>
      <c r="S20" s="1" t="s">
        <v>570</v>
      </c>
      <c r="T20" s="1" t="s">
        <v>442</v>
      </c>
      <c r="U20" s="1">
        <v>9.4</v>
      </c>
      <c r="V20" s="1"/>
      <c r="W20" s="1"/>
      <c r="X20" s="1">
        <v>2</v>
      </c>
      <c r="Y20" s="1">
        <v>3.5000000000000003E-2</v>
      </c>
      <c r="Z20" s="1"/>
      <c r="AA20" s="1" t="s">
        <v>711</v>
      </c>
      <c r="AB20" s="1" t="s">
        <v>71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43</v>
      </c>
      <c r="BP20" s="1">
        <v>13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170</v>
      </c>
      <c r="B21" s="2">
        <v>0.43055555555555558</v>
      </c>
      <c r="C21" s="1" t="s">
        <v>645</v>
      </c>
      <c r="D21" s="1" t="s">
        <v>54</v>
      </c>
      <c r="E21" s="1" t="s">
        <v>28</v>
      </c>
      <c r="F21" s="1" t="s">
        <v>224</v>
      </c>
      <c r="G21" s="1" t="s">
        <v>130</v>
      </c>
      <c r="H21" s="1" t="s">
        <v>327</v>
      </c>
      <c r="I21" s="1" t="s">
        <v>567</v>
      </c>
      <c r="J21" s="1" t="s">
        <v>528</v>
      </c>
      <c r="K21" s="1" t="s">
        <v>565</v>
      </c>
      <c r="L21" s="1" t="s">
        <v>68</v>
      </c>
      <c r="N21" s="1" t="s">
        <v>36</v>
      </c>
      <c r="O21" s="1" t="s">
        <v>465</v>
      </c>
      <c r="P21" s="1" t="s">
        <v>466</v>
      </c>
      <c r="Q21" s="1" t="s">
        <v>539</v>
      </c>
      <c r="R21" s="1" t="s">
        <v>277</v>
      </c>
      <c r="S21" s="1" t="s">
        <v>161</v>
      </c>
      <c r="T21" s="1" t="s">
        <v>442</v>
      </c>
      <c r="U21" s="1">
        <v>16.8</v>
      </c>
      <c r="V21" s="3">
        <v>2200</v>
      </c>
      <c r="W21" s="1"/>
      <c r="X21" s="1">
        <v>2.2000000000000002</v>
      </c>
      <c r="Y21" s="1">
        <v>2.5999999999999999E-2</v>
      </c>
      <c r="Z21" s="1">
        <v>2E-3</v>
      </c>
      <c r="AA21" s="1" t="s">
        <v>714</v>
      </c>
      <c r="AB21" s="1" t="s">
        <v>732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>
        <v>7.0000000000000007E-2</v>
      </c>
      <c r="BC21" s="1">
        <v>2</v>
      </c>
      <c r="BD21" s="1">
        <v>2</v>
      </c>
      <c r="BE21" s="1"/>
      <c r="BF21" s="1"/>
      <c r="BG21" s="1"/>
      <c r="BH21" s="1"/>
      <c r="BI21" s="1"/>
      <c r="BJ21" s="1"/>
      <c r="BK21" s="1"/>
      <c r="BL21" s="1"/>
      <c r="BM21" s="1" t="s">
        <v>691</v>
      </c>
      <c r="BN21" s="1">
        <v>0.01</v>
      </c>
      <c r="BO21" s="1">
        <v>43</v>
      </c>
      <c r="BP21" s="1">
        <v>11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93055555555555547</v>
      </c>
      <c r="C22" s="1" t="s">
        <v>645</v>
      </c>
      <c r="D22" s="1" t="s">
        <v>532</v>
      </c>
      <c r="E22" s="1" t="s">
        <v>28</v>
      </c>
      <c r="F22" s="1" t="s">
        <v>294</v>
      </c>
      <c r="G22" s="1" t="s">
        <v>273</v>
      </c>
      <c r="H22" s="1" t="s">
        <v>57</v>
      </c>
      <c r="I22" s="1" t="s">
        <v>583</v>
      </c>
      <c r="J22" s="1" t="s">
        <v>528</v>
      </c>
      <c r="K22" s="1" t="s">
        <v>565</v>
      </c>
      <c r="N22" s="1" t="s">
        <v>36</v>
      </c>
      <c r="P22" s="1" t="s">
        <v>466</v>
      </c>
      <c r="Q22" s="1" t="s">
        <v>495</v>
      </c>
      <c r="R22" s="1" t="s">
        <v>226</v>
      </c>
      <c r="S22" s="1" t="s">
        <v>236</v>
      </c>
      <c r="T22" s="1" t="s">
        <v>131</v>
      </c>
      <c r="U22" s="1">
        <v>11.1</v>
      </c>
      <c r="V22" s="1"/>
      <c r="W22" s="1"/>
      <c r="X22" s="1">
        <v>2.4</v>
      </c>
      <c r="Y22" s="1">
        <v>4.8000000000000001E-2</v>
      </c>
      <c r="Z22" s="1"/>
      <c r="AA22" s="1" t="s">
        <v>711</v>
      </c>
      <c r="AB22" s="1" t="s">
        <v>711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44</v>
      </c>
      <c r="BP22" s="1">
        <v>12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184</v>
      </c>
      <c r="B23" s="2">
        <v>0.4375</v>
      </c>
      <c r="C23" s="1" t="s">
        <v>645</v>
      </c>
      <c r="D23" s="1" t="s">
        <v>27</v>
      </c>
      <c r="E23" s="1" t="s">
        <v>646</v>
      </c>
      <c r="F23" s="1" t="s">
        <v>205</v>
      </c>
      <c r="G23" s="1" t="s">
        <v>190</v>
      </c>
      <c r="H23" s="1" t="s">
        <v>580</v>
      </c>
      <c r="I23" s="1" t="s">
        <v>567</v>
      </c>
      <c r="J23" s="1" t="s">
        <v>528</v>
      </c>
      <c r="K23" s="1" t="s">
        <v>565</v>
      </c>
      <c r="L23" s="1" t="s">
        <v>68</v>
      </c>
      <c r="N23" s="1" t="s">
        <v>36</v>
      </c>
      <c r="O23" s="1" t="s">
        <v>465</v>
      </c>
      <c r="P23" s="1" t="s">
        <v>466</v>
      </c>
      <c r="Q23" s="1" t="s">
        <v>215</v>
      </c>
      <c r="R23" s="1" t="s">
        <v>306</v>
      </c>
      <c r="S23" s="1" t="s">
        <v>185</v>
      </c>
      <c r="T23" s="1" t="s">
        <v>131</v>
      </c>
      <c r="U23" s="1">
        <v>14.9</v>
      </c>
      <c r="V23" s="3">
        <v>4600</v>
      </c>
      <c r="W23" s="1" t="s">
        <v>670</v>
      </c>
      <c r="X23" s="1">
        <v>2.1</v>
      </c>
      <c r="Y23" s="1">
        <v>4.2000000000000003E-2</v>
      </c>
      <c r="Z23" s="1">
        <v>4.0000000000000001E-3</v>
      </c>
      <c r="AA23" s="1" t="s">
        <v>714</v>
      </c>
      <c r="AB23" s="1" t="s">
        <v>733</v>
      </c>
      <c r="AC23" s="1" t="s">
        <v>671</v>
      </c>
      <c r="AD23" s="1" t="s">
        <v>672</v>
      </c>
      <c r="AE23" s="1" t="s">
        <v>674</v>
      </c>
      <c r="AF23" s="1" t="s">
        <v>673</v>
      </c>
      <c r="AG23" s="1" t="s">
        <v>674</v>
      </c>
      <c r="AH23" s="1" t="s">
        <v>675</v>
      </c>
      <c r="AI23" s="1"/>
      <c r="AJ23" s="1" t="s">
        <v>675</v>
      </c>
      <c r="AK23" s="1" t="s">
        <v>676</v>
      </c>
      <c r="AL23" s="1" t="s">
        <v>676</v>
      </c>
      <c r="AM23" s="1" t="s">
        <v>676</v>
      </c>
      <c r="AN23" s="1" t="s">
        <v>676</v>
      </c>
      <c r="AO23" s="1" t="s">
        <v>676</v>
      </c>
      <c r="AP23" t="s">
        <v>676</v>
      </c>
      <c r="AQ23" s="1" t="s">
        <v>676</v>
      </c>
      <c r="AR23" s="1" t="s">
        <v>676</v>
      </c>
      <c r="AS23" s="1" t="s">
        <v>676</v>
      </c>
      <c r="AT23" s="1" t="s">
        <v>678</v>
      </c>
      <c r="AU23" s="1"/>
      <c r="AV23" s="1"/>
      <c r="AW23" s="1"/>
      <c r="AX23" s="1" t="s">
        <v>676</v>
      </c>
      <c r="AY23" s="1" t="s">
        <v>682</v>
      </c>
      <c r="AZ23" s="1">
        <v>0.16</v>
      </c>
      <c r="BA23" s="1">
        <v>0.02</v>
      </c>
      <c r="BB23" s="1">
        <v>0.03</v>
      </c>
      <c r="BC23" s="1">
        <v>1.8</v>
      </c>
      <c r="BD23" s="1">
        <v>1.8</v>
      </c>
      <c r="BE23" s="1" t="s">
        <v>674</v>
      </c>
      <c r="BF23" s="1" t="s">
        <v>674</v>
      </c>
      <c r="BG23" s="1" t="s">
        <v>685</v>
      </c>
      <c r="BH23" s="1">
        <v>0.16</v>
      </c>
      <c r="BI23" s="1">
        <v>0.08</v>
      </c>
      <c r="BJ23" s="1" t="s">
        <v>673</v>
      </c>
      <c r="BK23" s="1" t="s">
        <v>675</v>
      </c>
      <c r="BL23" s="1" t="s">
        <v>690</v>
      </c>
      <c r="BM23" s="1" t="s">
        <v>691</v>
      </c>
      <c r="BN23" s="1">
        <v>0.03</v>
      </c>
      <c r="BO23" s="1">
        <v>41</v>
      </c>
      <c r="BP23" s="1">
        <v>11</v>
      </c>
      <c r="BQ23" s="1"/>
      <c r="BR23" s="1" t="s">
        <v>689</v>
      </c>
      <c r="BS23" s="1">
        <v>6.0000000000000001E-3</v>
      </c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9375</v>
      </c>
      <c r="C24" s="1" t="s">
        <v>645</v>
      </c>
      <c r="D24" s="1" t="s">
        <v>27</v>
      </c>
      <c r="E24" s="1" t="s">
        <v>646</v>
      </c>
      <c r="F24" s="1" t="s">
        <v>82</v>
      </c>
      <c r="G24" s="1" t="s">
        <v>39</v>
      </c>
      <c r="H24" s="1" t="s">
        <v>272</v>
      </c>
      <c r="I24" s="1" t="s">
        <v>413</v>
      </c>
      <c r="J24" s="1" t="s">
        <v>528</v>
      </c>
      <c r="K24" s="1" t="s">
        <v>565</v>
      </c>
      <c r="N24" s="1" t="s">
        <v>36</v>
      </c>
      <c r="P24" s="1" t="s">
        <v>466</v>
      </c>
      <c r="Q24" s="1" t="s">
        <v>117</v>
      </c>
      <c r="R24" s="1" t="s">
        <v>87</v>
      </c>
      <c r="S24" s="1" t="s">
        <v>178</v>
      </c>
      <c r="T24" s="1" t="s">
        <v>131</v>
      </c>
      <c r="U24" s="1">
        <v>10.6</v>
      </c>
      <c r="V24" s="1"/>
      <c r="W24" s="1"/>
      <c r="X24" s="1">
        <v>1.9</v>
      </c>
      <c r="Y24" s="1">
        <v>0.06</v>
      </c>
      <c r="Z24" s="1"/>
      <c r="AA24" s="1" t="s">
        <v>711</v>
      </c>
      <c r="AB24" s="1" t="s">
        <v>711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40</v>
      </c>
      <c r="BP24" s="1">
        <v>1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96</v>
      </c>
      <c r="B25" s="2">
        <v>0.41666666666666669</v>
      </c>
      <c r="C25" s="1" t="s">
        <v>645</v>
      </c>
      <c r="D25" s="1" t="s">
        <v>27</v>
      </c>
      <c r="E25" s="1" t="s">
        <v>646</v>
      </c>
      <c r="F25" s="1" t="s">
        <v>481</v>
      </c>
      <c r="G25" s="1" t="s">
        <v>584</v>
      </c>
      <c r="H25" s="1" t="s">
        <v>569</v>
      </c>
      <c r="I25" s="1" t="s">
        <v>430</v>
      </c>
      <c r="J25" s="1" t="s">
        <v>528</v>
      </c>
      <c r="K25" s="1" t="s">
        <v>565</v>
      </c>
      <c r="L25" s="1" t="s">
        <v>68</v>
      </c>
      <c r="N25" s="1" t="s">
        <v>36</v>
      </c>
      <c r="O25" s="1" t="s">
        <v>465</v>
      </c>
      <c r="P25" s="1" t="s">
        <v>466</v>
      </c>
      <c r="Q25" s="1" t="s">
        <v>585</v>
      </c>
      <c r="R25" s="1" t="s">
        <v>277</v>
      </c>
      <c r="S25" s="1" t="s">
        <v>185</v>
      </c>
      <c r="T25" s="1" t="s">
        <v>442</v>
      </c>
      <c r="U25" s="1">
        <v>14.6</v>
      </c>
      <c r="V25" s="3">
        <v>7900</v>
      </c>
      <c r="W25" s="1"/>
      <c r="X25" s="1">
        <v>1.6</v>
      </c>
      <c r="Y25" s="1">
        <v>3.7999999999999999E-2</v>
      </c>
      <c r="Z25" s="1">
        <v>3.0000000000000001E-3</v>
      </c>
      <c r="AA25" s="1" t="s">
        <v>714</v>
      </c>
      <c r="AB25" s="1" t="s">
        <v>734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1.3</v>
      </c>
      <c r="BD25" s="1">
        <v>1.3</v>
      </c>
      <c r="BE25" s="1"/>
      <c r="BF25" s="1"/>
      <c r="BG25" s="1"/>
      <c r="BH25" s="1"/>
      <c r="BI25" s="1"/>
      <c r="BJ25" s="1"/>
      <c r="BK25" s="1"/>
      <c r="BL25" s="1"/>
      <c r="BM25" s="1" t="s">
        <v>691</v>
      </c>
      <c r="BN25" s="1">
        <v>2.1000000000000001E-2</v>
      </c>
      <c r="BO25" s="1">
        <v>38</v>
      </c>
      <c r="BP25" s="1">
        <v>8.6999999999999993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91666666666666663</v>
      </c>
      <c r="C26" s="1" t="s">
        <v>645</v>
      </c>
      <c r="D26" s="1" t="s">
        <v>232</v>
      </c>
      <c r="E26" s="1" t="s">
        <v>646</v>
      </c>
      <c r="F26" s="1" t="s">
        <v>482</v>
      </c>
      <c r="G26" s="1" t="s">
        <v>586</v>
      </c>
      <c r="H26" s="1" t="s">
        <v>225</v>
      </c>
      <c r="I26" s="1" t="s">
        <v>430</v>
      </c>
      <c r="J26" s="1" t="s">
        <v>528</v>
      </c>
      <c r="K26" s="1" t="s">
        <v>565</v>
      </c>
      <c r="N26" s="1" t="s">
        <v>36</v>
      </c>
      <c r="P26" s="1" t="s">
        <v>466</v>
      </c>
      <c r="Q26" s="1" t="s">
        <v>95</v>
      </c>
      <c r="R26" s="1" t="s">
        <v>87</v>
      </c>
      <c r="S26" s="1" t="s">
        <v>50</v>
      </c>
      <c r="T26" s="1" t="s">
        <v>131</v>
      </c>
      <c r="U26" s="1">
        <v>8.4</v>
      </c>
      <c r="V26" s="1"/>
      <c r="W26" s="1"/>
      <c r="X26" s="1">
        <v>1.6</v>
      </c>
      <c r="Y26" s="1">
        <v>3.2000000000000001E-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41</v>
      </c>
      <c r="BP26" s="1">
        <v>9.5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89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34</v>
      </c>
      <c r="C1" s="1" t="s">
        <v>1</v>
      </c>
      <c r="D1" s="1" t="s">
        <v>694</v>
      </c>
      <c r="E1" s="1" t="s">
        <v>2</v>
      </c>
      <c r="F1" s="1" t="s">
        <v>636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5</v>
      </c>
      <c r="AB2" s="1" t="s">
        <v>709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4305555555555555</v>
      </c>
      <c r="C4" s="1" t="s">
        <v>645</v>
      </c>
      <c r="D4" s="1" t="s">
        <v>27</v>
      </c>
      <c r="F4" s="1" t="s">
        <v>207</v>
      </c>
      <c r="G4" s="1" t="s">
        <v>208</v>
      </c>
      <c r="I4" s="1" t="s">
        <v>209</v>
      </c>
      <c r="J4" s="1" t="s">
        <v>210</v>
      </c>
      <c r="K4" s="1" t="s">
        <v>211</v>
      </c>
      <c r="L4" s="1" t="s">
        <v>68</v>
      </c>
      <c r="O4" s="1" t="s">
        <v>212</v>
      </c>
      <c r="P4" s="1" t="s">
        <v>38</v>
      </c>
      <c r="Q4" s="1" t="s">
        <v>213</v>
      </c>
      <c r="R4" s="1" t="s">
        <v>214</v>
      </c>
      <c r="S4" s="1" t="s">
        <v>215</v>
      </c>
      <c r="T4" s="1" t="s">
        <v>42</v>
      </c>
      <c r="U4" s="1">
        <v>7.4</v>
      </c>
      <c r="V4" s="1">
        <v>17000</v>
      </c>
      <c r="W4" s="1"/>
      <c r="X4" s="1">
        <v>9.3000000000000007</v>
      </c>
      <c r="Y4" s="1">
        <v>0.48</v>
      </c>
      <c r="Z4" s="1">
        <v>0.0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4</v>
      </c>
      <c r="BC4" s="1">
        <v>6</v>
      </c>
      <c r="BD4" s="1">
        <v>6.4</v>
      </c>
      <c r="BE4" s="1"/>
      <c r="BF4" s="1"/>
      <c r="BG4" s="1"/>
      <c r="BH4" s="1"/>
      <c r="BI4" s="1"/>
      <c r="BJ4" s="1"/>
      <c r="BK4" s="1"/>
      <c r="BL4" s="1"/>
      <c r="BM4" s="1">
        <v>0.51</v>
      </c>
      <c r="BN4" s="1">
        <v>0.38</v>
      </c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4652777777777779</v>
      </c>
      <c r="C5" s="1" t="s">
        <v>645</v>
      </c>
      <c r="D5" s="1" t="s">
        <v>27</v>
      </c>
      <c r="F5" s="1" t="s">
        <v>216</v>
      </c>
      <c r="G5" s="1" t="s">
        <v>217</v>
      </c>
      <c r="J5" s="1" t="s">
        <v>218</v>
      </c>
      <c r="K5" s="1" t="s">
        <v>219</v>
      </c>
      <c r="L5" s="1" t="s">
        <v>220</v>
      </c>
      <c r="O5" s="1" t="s">
        <v>212</v>
      </c>
      <c r="P5" s="1" t="s">
        <v>38</v>
      </c>
      <c r="Q5" s="1" t="s">
        <v>195</v>
      </c>
      <c r="R5" s="1" t="s">
        <v>221</v>
      </c>
      <c r="T5" s="1" t="s">
        <v>206</v>
      </c>
      <c r="U5" s="1">
        <v>7.9</v>
      </c>
      <c r="V5" s="1"/>
      <c r="W5" s="1"/>
      <c r="X5" s="1">
        <v>7.4</v>
      </c>
      <c r="Y5" s="1">
        <v>0.4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888888888888889</v>
      </c>
      <c r="C6" s="1" t="s">
        <v>645</v>
      </c>
      <c r="D6" s="1" t="s">
        <v>54</v>
      </c>
      <c r="F6" s="1" t="s">
        <v>222</v>
      </c>
      <c r="G6" s="1" t="s">
        <v>75</v>
      </c>
      <c r="I6" s="1" t="s">
        <v>189</v>
      </c>
      <c r="J6" s="1" t="s">
        <v>210</v>
      </c>
      <c r="K6" s="1" t="s">
        <v>223</v>
      </c>
      <c r="L6" s="1" t="s">
        <v>68</v>
      </c>
      <c r="O6" s="1" t="s">
        <v>212</v>
      </c>
      <c r="P6" s="1" t="s">
        <v>38</v>
      </c>
      <c r="Q6" s="1" t="s">
        <v>224</v>
      </c>
      <c r="R6" s="1" t="s">
        <v>72</v>
      </c>
      <c r="S6" s="1" t="s">
        <v>205</v>
      </c>
      <c r="T6" s="1" t="s">
        <v>119</v>
      </c>
      <c r="U6" s="1">
        <v>7.7</v>
      </c>
      <c r="V6" s="1">
        <v>7000</v>
      </c>
      <c r="W6" s="1"/>
      <c r="X6" s="1">
        <v>5.9</v>
      </c>
      <c r="Y6" s="1">
        <v>0.26</v>
      </c>
      <c r="Z6" s="1">
        <v>2.1999999999999999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25</v>
      </c>
      <c r="BC6" s="1">
        <v>5</v>
      </c>
      <c r="BD6" s="1">
        <v>5.2</v>
      </c>
      <c r="BE6" s="1"/>
      <c r="BF6" s="1"/>
      <c r="BG6" s="1"/>
      <c r="BH6" s="1"/>
      <c r="BI6" s="1"/>
      <c r="BJ6" s="1"/>
      <c r="BK6" s="1"/>
      <c r="BL6" s="1"/>
      <c r="BM6" s="1">
        <v>0.62</v>
      </c>
      <c r="BN6" s="1">
        <v>0.21</v>
      </c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9444444444444438</v>
      </c>
      <c r="C7" s="1" t="s">
        <v>645</v>
      </c>
      <c r="D7" s="1" t="s">
        <v>54</v>
      </c>
      <c r="F7" s="1" t="s">
        <v>75</v>
      </c>
      <c r="G7" s="1" t="s">
        <v>122</v>
      </c>
      <c r="J7" s="1" t="s">
        <v>210</v>
      </c>
      <c r="K7" s="1" t="s">
        <v>225</v>
      </c>
      <c r="L7" s="1" t="s">
        <v>68</v>
      </c>
      <c r="O7" s="1" t="s">
        <v>212</v>
      </c>
      <c r="P7" s="1" t="s">
        <v>38</v>
      </c>
      <c r="Q7" s="1" t="s">
        <v>112</v>
      </c>
      <c r="R7" s="1" t="s">
        <v>226</v>
      </c>
      <c r="T7" s="1" t="s">
        <v>72</v>
      </c>
      <c r="U7" s="1">
        <v>7.4</v>
      </c>
      <c r="V7" s="1"/>
      <c r="W7" s="1"/>
      <c r="X7" s="1">
        <v>5</v>
      </c>
      <c r="Y7" s="1">
        <v>0.21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27</v>
      </c>
      <c r="B8" s="2">
        <v>8.3333333333333329E-2</v>
      </c>
      <c r="C8" s="1" t="s">
        <v>645</v>
      </c>
      <c r="D8" s="1" t="s">
        <v>27</v>
      </c>
      <c r="F8" s="1" t="s">
        <v>228</v>
      </c>
      <c r="G8" s="1" t="s">
        <v>229</v>
      </c>
      <c r="J8" s="1" t="s">
        <v>210</v>
      </c>
      <c r="K8" s="1" t="s">
        <v>230</v>
      </c>
      <c r="L8" s="1" t="s">
        <v>68</v>
      </c>
      <c r="O8" s="1" t="s">
        <v>212</v>
      </c>
      <c r="P8" s="1" t="s">
        <v>38</v>
      </c>
      <c r="Q8" s="1" t="s">
        <v>231</v>
      </c>
      <c r="R8" s="1" t="s">
        <v>161</v>
      </c>
      <c r="S8" s="1" t="s">
        <v>213</v>
      </c>
      <c r="T8" s="1" t="s">
        <v>119</v>
      </c>
      <c r="U8" s="1">
        <v>6.1</v>
      </c>
      <c r="V8" s="1">
        <v>7900</v>
      </c>
      <c r="W8" s="1"/>
      <c r="X8" s="1">
        <v>6.5</v>
      </c>
      <c r="Y8" s="1">
        <v>0.21</v>
      </c>
      <c r="Z8" s="1">
        <v>2.7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61</v>
      </c>
      <c r="BC8" s="1">
        <v>4.7</v>
      </c>
      <c r="BD8" s="1">
        <v>5.3</v>
      </c>
      <c r="BE8" s="1"/>
      <c r="BF8" s="1"/>
      <c r="BG8" s="1"/>
      <c r="BH8" s="1"/>
      <c r="BI8" s="1"/>
      <c r="BJ8" s="1"/>
      <c r="BK8" s="1"/>
      <c r="BL8" s="1"/>
      <c r="BM8" s="1">
        <v>1</v>
      </c>
      <c r="BN8" s="1">
        <v>0.17</v>
      </c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8680555555555558</v>
      </c>
      <c r="C9" s="1" t="s">
        <v>645</v>
      </c>
      <c r="D9" s="1" t="s">
        <v>232</v>
      </c>
      <c r="F9" s="1" t="s">
        <v>56</v>
      </c>
      <c r="G9" s="1" t="s">
        <v>233</v>
      </c>
      <c r="I9" s="1" t="s">
        <v>234</v>
      </c>
      <c r="J9" s="1" t="s">
        <v>210</v>
      </c>
      <c r="K9" s="1" t="s">
        <v>235</v>
      </c>
      <c r="L9" s="1" t="s">
        <v>68</v>
      </c>
      <c r="O9" s="1" t="s">
        <v>212</v>
      </c>
      <c r="P9" s="1" t="s">
        <v>38</v>
      </c>
      <c r="Q9" s="1" t="s">
        <v>213</v>
      </c>
      <c r="R9" s="1" t="s">
        <v>236</v>
      </c>
      <c r="T9" s="1" t="s">
        <v>62</v>
      </c>
      <c r="U9" s="1">
        <v>6.7</v>
      </c>
      <c r="V9" s="1"/>
      <c r="W9" s="1"/>
      <c r="X9" s="1">
        <v>6.7</v>
      </c>
      <c r="Y9" s="1">
        <v>0.21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4375</v>
      </c>
      <c r="C10" s="1" t="s">
        <v>645</v>
      </c>
      <c r="D10" s="1" t="s">
        <v>27</v>
      </c>
      <c r="F10" s="1" t="s">
        <v>237</v>
      </c>
      <c r="G10" s="1" t="s">
        <v>238</v>
      </c>
      <c r="I10" s="1" t="s">
        <v>239</v>
      </c>
      <c r="J10" s="1" t="s">
        <v>218</v>
      </c>
      <c r="K10" s="1" t="s">
        <v>240</v>
      </c>
      <c r="L10" s="1" t="s">
        <v>68</v>
      </c>
      <c r="O10" s="1" t="s">
        <v>212</v>
      </c>
      <c r="P10" s="1" t="s">
        <v>38</v>
      </c>
      <c r="Q10" s="1" t="s">
        <v>231</v>
      </c>
      <c r="R10" s="1" t="s">
        <v>241</v>
      </c>
      <c r="S10" s="1" t="s">
        <v>168</v>
      </c>
      <c r="T10" s="1" t="s">
        <v>62</v>
      </c>
      <c r="U10" s="1">
        <v>7.3</v>
      </c>
      <c r="V10" s="1">
        <v>700</v>
      </c>
      <c r="W10" s="1"/>
      <c r="X10" s="1">
        <v>6.9</v>
      </c>
      <c r="Y10" s="1">
        <v>0.19</v>
      </c>
      <c r="Z10" s="1">
        <v>2.5000000000000001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74</v>
      </c>
      <c r="BC10" s="1">
        <v>4.2</v>
      </c>
      <c r="BD10" s="1">
        <v>4.9000000000000004</v>
      </c>
      <c r="BE10" s="1"/>
      <c r="BF10" s="1"/>
      <c r="BG10" s="1"/>
      <c r="BH10" s="1"/>
      <c r="BI10" s="1"/>
      <c r="BJ10" s="1"/>
      <c r="BK10" s="1"/>
      <c r="BL10" s="1"/>
      <c r="BM10" s="1">
        <v>1.5</v>
      </c>
      <c r="BN10" s="1">
        <v>0.15</v>
      </c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375</v>
      </c>
      <c r="C11" s="1" t="s">
        <v>645</v>
      </c>
      <c r="D11" s="1" t="s">
        <v>27</v>
      </c>
      <c r="F11" s="1" t="s">
        <v>242</v>
      </c>
      <c r="G11" s="1" t="s">
        <v>238</v>
      </c>
      <c r="J11" s="1" t="s">
        <v>218</v>
      </c>
      <c r="K11" s="1" t="s">
        <v>243</v>
      </c>
      <c r="L11" s="1" t="s">
        <v>68</v>
      </c>
      <c r="O11" s="1" t="s">
        <v>212</v>
      </c>
      <c r="P11" s="1" t="s">
        <v>38</v>
      </c>
      <c r="Q11" s="1" t="s">
        <v>231</v>
      </c>
      <c r="R11" s="1" t="s">
        <v>214</v>
      </c>
      <c r="T11" s="1" t="s">
        <v>62</v>
      </c>
      <c r="U11" s="1">
        <v>6.9</v>
      </c>
      <c r="V11" s="1"/>
      <c r="W11" s="1"/>
      <c r="X11" s="1">
        <v>6</v>
      </c>
      <c r="Y11" s="1">
        <v>0.19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44</v>
      </c>
      <c r="B12" s="2">
        <v>0.17777777777777778</v>
      </c>
      <c r="C12" s="1" t="s">
        <v>645</v>
      </c>
      <c r="D12" s="1" t="s">
        <v>27</v>
      </c>
      <c r="F12" s="1" t="s">
        <v>64</v>
      </c>
      <c r="G12" s="1" t="s">
        <v>245</v>
      </c>
      <c r="I12" s="1" t="s">
        <v>236</v>
      </c>
      <c r="J12" s="1" t="s">
        <v>218</v>
      </c>
      <c r="K12" s="1" t="s">
        <v>219</v>
      </c>
      <c r="L12" s="1" t="s">
        <v>68</v>
      </c>
      <c r="O12" s="1" t="s">
        <v>212</v>
      </c>
      <c r="P12" s="1" t="s">
        <v>38</v>
      </c>
      <c r="Q12" s="1" t="s">
        <v>112</v>
      </c>
      <c r="R12" s="1" t="s">
        <v>71</v>
      </c>
      <c r="S12" s="1" t="s">
        <v>246</v>
      </c>
      <c r="T12" s="1" t="s">
        <v>42</v>
      </c>
      <c r="U12" s="1">
        <v>5.7</v>
      </c>
      <c r="V12" s="1">
        <v>13000</v>
      </c>
      <c r="W12" s="1"/>
      <c r="X12" s="1">
        <v>8.1999999999999993</v>
      </c>
      <c r="Y12" s="1">
        <v>0.35</v>
      </c>
      <c r="Z12" s="1">
        <v>2.7E-2</v>
      </c>
      <c r="AA12" s="1"/>
      <c r="AB12" s="1"/>
      <c r="AC12" s="1" t="s">
        <v>671</v>
      </c>
      <c r="AD12" s="1" t="s">
        <v>672</v>
      </c>
      <c r="AE12" s="1" t="s">
        <v>677</v>
      </c>
      <c r="AF12" s="1" t="s">
        <v>674</v>
      </c>
      <c r="AG12" s="1" t="s">
        <v>677</v>
      </c>
      <c r="AH12" s="1" t="s">
        <v>671</v>
      </c>
      <c r="AI12" s="1"/>
      <c r="AJ12" s="1" t="s">
        <v>671</v>
      </c>
      <c r="AK12" s="1" t="s">
        <v>678</v>
      </c>
      <c r="AL12" s="1" t="s">
        <v>678</v>
      </c>
      <c r="AM12" s="1" t="s">
        <v>678</v>
      </c>
      <c r="AN12" s="1" t="s">
        <v>678</v>
      </c>
      <c r="AO12" s="1" t="s">
        <v>678</v>
      </c>
      <c r="AP12" t="s">
        <v>678</v>
      </c>
      <c r="AQ12" s="1" t="s">
        <v>678</v>
      </c>
      <c r="AR12" s="1" t="s">
        <v>678</v>
      </c>
      <c r="AS12" s="1" t="s">
        <v>678</v>
      </c>
      <c r="AT12" s="1" t="s">
        <v>678</v>
      </c>
      <c r="AU12" s="1" t="s">
        <v>684</v>
      </c>
      <c r="AV12" s="1" t="s">
        <v>671</v>
      </c>
      <c r="AW12" s="1" t="s">
        <v>671</v>
      </c>
      <c r="AX12" s="1" t="s">
        <v>678</v>
      </c>
      <c r="AY12" s="1" t="s">
        <v>677</v>
      </c>
      <c r="AZ12" s="1">
        <v>0.06</v>
      </c>
      <c r="BA12" s="1">
        <v>0.05</v>
      </c>
      <c r="BB12" s="1">
        <v>0.75</v>
      </c>
      <c r="BC12" s="1">
        <v>5.8</v>
      </c>
      <c r="BD12" s="1">
        <v>6.5</v>
      </c>
      <c r="BE12" s="1" t="s">
        <v>674</v>
      </c>
      <c r="BF12" s="1" t="s">
        <v>674</v>
      </c>
      <c r="BG12" s="1">
        <v>6.0000000000000001E-3</v>
      </c>
      <c r="BH12" s="1">
        <v>0.04</v>
      </c>
      <c r="BI12" s="1" t="s">
        <v>673</v>
      </c>
      <c r="BJ12" s="1" t="s">
        <v>674</v>
      </c>
      <c r="BK12" s="1" t="s">
        <v>684</v>
      </c>
      <c r="BL12" s="1">
        <v>1E-3</v>
      </c>
      <c r="BM12" s="1">
        <v>1.3</v>
      </c>
      <c r="BN12" s="1">
        <v>0.3</v>
      </c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8055555555555547</v>
      </c>
      <c r="C13" s="1" t="s">
        <v>645</v>
      </c>
      <c r="D13" s="1" t="s">
        <v>27</v>
      </c>
      <c r="F13" s="1" t="s">
        <v>247</v>
      </c>
      <c r="G13" s="1" t="s">
        <v>248</v>
      </c>
      <c r="J13" s="1" t="s">
        <v>218</v>
      </c>
      <c r="K13" s="1" t="s">
        <v>219</v>
      </c>
      <c r="L13" s="1" t="s">
        <v>68</v>
      </c>
      <c r="O13" s="1" t="s">
        <v>212</v>
      </c>
      <c r="P13" s="1" t="s">
        <v>38</v>
      </c>
      <c r="Q13" s="1" t="s">
        <v>195</v>
      </c>
      <c r="R13" s="1" t="s">
        <v>142</v>
      </c>
      <c r="T13" s="1" t="s">
        <v>42</v>
      </c>
      <c r="U13" s="1">
        <v>7.6</v>
      </c>
      <c r="V13" s="1"/>
      <c r="W13" s="1"/>
      <c r="X13" s="1">
        <v>7.8</v>
      </c>
      <c r="Y13" s="1">
        <v>0.41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49</v>
      </c>
      <c r="B14" s="2">
        <v>0.13680555555555554</v>
      </c>
      <c r="C14" s="1" t="s">
        <v>645</v>
      </c>
      <c r="D14" s="1" t="s">
        <v>27</v>
      </c>
      <c r="F14" s="1" t="s">
        <v>250</v>
      </c>
      <c r="G14" s="1" t="s">
        <v>251</v>
      </c>
      <c r="J14" s="1" t="s">
        <v>218</v>
      </c>
      <c r="K14" s="1" t="s">
        <v>243</v>
      </c>
      <c r="L14" s="1" t="s">
        <v>68</v>
      </c>
      <c r="O14" s="1" t="s">
        <v>212</v>
      </c>
      <c r="P14" s="1" t="s">
        <v>38</v>
      </c>
      <c r="Q14" s="1" t="s">
        <v>195</v>
      </c>
      <c r="R14" s="1" t="s">
        <v>194</v>
      </c>
      <c r="S14" s="1" t="s">
        <v>71</v>
      </c>
      <c r="T14" s="1" t="s">
        <v>119</v>
      </c>
      <c r="U14" s="1">
        <v>6.8</v>
      </c>
      <c r="V14" s="1">
        <v>7900</v>
      </c>
      <c r="W14" s="1"/>
      <c r="X14" s="1">
        <v>6.4</v>
      </c>
      <c r="Y14" s="1">
        <v>0.31</v>
      </c>
      <c r="Z14" s="1">
        <v>2.3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25</v>
      </c>
      <c r="BC14" s="1">
        <v>5.4</v>
      </c>
      <c r="BD14" s="1">
        <v>5.6</v>
      </c>
      <c r="BE14" s="1"/>
      <c r="BF14" s="1"/>
      <c r="BG14" s="1"/>
      <c r="BH14" s="1"/>
      <c r="BI14" s="1"/>
      <c r="BJ14" s="1"/>
      <c r="BK14" s="1"/>
      <c r="BL14" s="1"/>
      <c r="BM14" s="1">
        <v>0.47</v>
      </c>
      <c r="BN14" s="1">
        <v>0.26</v>
      </c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64374999999999993</v>
      </c>
      <c r="C15" s="1" t="s">
        <v>645</v>
      </c>
      <c r="D15" s="1" t="s">
        <v>232</v>
      </c>
      <c r="F15" s="1" t="s">
        <v>252</v>
      </c>
      <c r="G15" s="1" t="s">
        <v>217</v>
      </c>
      <c r="I15" s="1" t="s">
        <v>253</v>
      </c>
      <c r="J15" s="1" t="s">
        <v>33</v>
      </c>
      <c r="K15" s="1" t="s">
        <v>254</v>
      </c>
      <c r="L15" s="1" t="s">
        <v>68</v>
      </c>
      <c r="O15" s="1" t="s">
        <v>212</v>
      </c>
      <c r="P15" s="1" t="s">
        <v>38</v>
      </c>
      <c r="Q15" s="1" t="s">
        <v>215</v>
      </c>
      <c r="R15" s="1" t="s">
        <v>96</v>
      </c>
      <c r="T15" s="1" t="s">
        <v>119</v>
      </c>
      <c r="U15" s="1">
        <v>7.3</v>
      </c>
      <c r="V15" s="1"/>
      <c r="W15" s="1"/>
      <c r="X15" s="1">
        <v>6.3</v>
      </c>
      <c r="Y15" s="1">
        <v>0.25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55</v>
      </c>
      <c r="B16" s="2">
        <v>0.11458333333333333</v>
      </c>
      <c r="C16" s="1" t="s">
        <v>645</v>
      </c>
      <c r="D16" s="1" t="s">
        <v>27</v>
      </c>
      <c r="F16" s="1" t="s">
        <v>256</v>
      </c>
      <c r="G16" s="1" t="s">
        <v>222</v>
      </c>
      <c r="J16" s="1" t="s">
        <v>218</v>
      </c>
      <c r="K16" s="1" t="s">
        <v>243</v>
      </c>
      <c r="L16" s="1" t="s">
        <v>68</v>
      </c>
      <c r="O16" s="1" t="s">
        <v>212</v>
      </c>
      <c r="P16" s="1" t="s">
        <v>38</v>
      </c>
      <c r="Q16" s="1" t="s">
        <v>112</v>
      </c>
      <c r="R16" s="1" t="s">
        <v>257</v>
      </c>
      <c r="S16" s="1" t="s">
        <v>61</v>
      </c>
      <c r="T16" s="1" t="s">
        <v>119</v>
      </c>
      <c r="U16" s="1">
        <v>6.8</v>
      </c>
      <c r="V16" s="1">
        <v>940</v>
      </c>
      <c r="W16" s="1"/>
      <c r="X16" s="1">
        <v>7</v>
      </c>
      <c r="Y16" s="1">
        <v>0.32</v>
      </c>
      <c r="Z16" s="1">
        <v>2.5999999999999999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45</v>
      </c>
      <c r="BC16" s="1">
        <v>5.3</v>
      </c>
      <c r="BD16" s="1">
        <v>5.7</v>
      </c>
      <c r="BE16" s="1"/>
      <c r="BF16" s="1"/>
      <c r="BG16" s="1"/>
      <c r="BH16" s="1"/>
      <c r="BI16" s="1"/>
      <c r="BJ16" s="1"/>
      <c r="BK16" s="1"/>
      <c r="BL16" s="1"/>
      <c r="BM16" s="1">
        <v>0.51</v>
      </c>
      <c r="BN16" s="1">
        <v>0.28999999999999998</v>
      </c>
      <c r="BO16" s="1"/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61597222222222225</v>
      </c>
      <c r="C17" s="1" t="s">
        <v>645</v>
      </c>
      <c r="D17" s="1" t="s">
        <v>27</v>
      </c>
      <c r="F17" s="1" t="s">
        <v>55</v>
      </c>
      <c r="G17" s="1" t="s">
        <v>258</v>
      </c>
      <c r="I17" s="1" t="s">
        <v>259</v>
      </c>
      <c r="J17" s="1" t="s">
        <v>210</v>
      </c>
      <c r="K17" s="1" t="s">
        <v>230</v>
      </c>
      <c r="L17" s="1" t="s">
        <v>68</v>
      </c>
      <c r="O17" s="1" t="s">
        <v>212</v>
      </c>
      <c r="P17" s="1" t="s">
        <v>38</v>
      </c>
      <c r="Q17" s="1" t="s">
        <v>213</v>
      </c>
      <c r="R17" s="1" t="s">
        <v>169</v>
      </c>
      <c r="T17" s="1" t="s">
        <v>119</v>
      </c>
      <c r="U17" s="1">
        <v>7.6</v>
      </c>
      <c r="V17" s="1"/>
      <c r="W17" s="1"/>
      <c r="X17" s="1">
        <v>6.7</v>
      </c>
      <c r="Y17" s="1">
        <v>0.27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60</v>
      </c>
      <c r="B18" s="2">
        <v>0.30555555555555552</v>
      </c>
      <c r="C18" s="1" t="s">
        <v>645</v>
      </c>
      <c r="D18" s="1" t="s">
        <v>27</v>
      </c>
      <c r="F18" s="1" t="s">
        <v>261</v>
      </c>
      <c r="G18" s="1" t="s">
        <v>262</v>
      </c>
      <c r="I18" s="1" t="s">
        <v>263</v>
      </c>
      <c r="J18" s="1" t="s">
        <v>210</v>
      </c>
      <c r="K18" s="1" t="s">
        <v>211</v>
      </c>
      <c r="L18" s="1" t="s">
        <v>264</v>
      </c>
      <c r="O18" s="1" t="s">
        <v>212</v>
      </c>
      <c r="P18" s="1" t="s">
        <v>38</v>
      </c>
      <c r="Q18" s="1" t="s">
        <v>183</v>
      </c>
      <c r="R18" s="1" t="s">
        <v>205</v>
      </c>
      <c r="S18" s="1" t="s">
        <v>138</v>
      </c>
      <c r="T18" s="1" t="s">
        <v>265</v>
      </c>
      <c r="U18" s="1">
        <v>7.6</v>
      </c>
      <c r="V18" s="1">
        <v>2200</v>
      </c>
      <c r="W18" s="1"/>
      <c r="X18" s="1">
        <v>5.3</v>
      </c>
      <c r="Y18" s="1">
        <v>0.23</v>
      </c>
      <c r="Z18" s="1">
        <v>3.3000000000000002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23</v>
      </c>
      <c r="BC18" s="1">
        <v>3.3</v>
      </c>
      <c r="BD18" s="1">
        <v>3.5</v>
      </c>
      <c r="BE18" s="1"/>
      <c r="BF18" s="1"/>
      <c r="BG18" s="1"/>
      <c r="BH18" s="1"/>
      <c r="BI18" s="1"/>
      <c r="BJ18" s="1"/>
      <c r="BK18" s="1"/>
      <c r="BL18" s="1"/>
      <c r="BM18" s="1">
        <v>0.99</v>
      </c>
      <c r="BN18" s="1">
        <v>0.16</v>
      </c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8125</v>
      </c>
      <c r="C19" s="1" t="s">
        <v>645</v>
      </c>
      <c r="D19" s="1" t="s">
        <v>27</v>
      </c>
      <c r="F19" s="1" t="s">
        <v>144</v>
      </c>
      <c r="G19" s="1" t="s">
        <v>266</v>
      </c>
      <c r="J19" s="1" t="s">
        <v>218</v>
      </c>
      <c r="K19" s="1" t="s">
        <v>243</v>
      </c>
      <c r="L19" s="1" t="s">
        <v>68</v>
      </c>
      <c r="O19" s="1" t="s">
        <v>212</v>
      </c>
      <c r="P19" s="1" t="s">
        <v>38</v>
      </c>
      <c r="Q19" s="1" t="s">
        <v>112</v>
      </c>
      <c r="R19" s="1" t="s">
        <v>119</v>
      </c>
      <c r="T19" s="1" t="s">
        <v>42</v>
      </c>
      <c r="U19" s="1">
        <v>7.7</v>
      </c>
      <c r="V19" s="1"/>
      <c r="W19" s="1"/>
      <c r="X19" s="1">
        <v>5.8</v>
      </c>
      <c r="Y19" s="1">
        <v>0.28999999999999998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4</v>
      </c>
      <c r="B20" s="2">
        <v>0.30972222222222223</v>
      </c>
      <c r="C20" s="1" t="s">
        <v>645</v>
      </c>
      <c r="D20" s="1" t="s">
        <v>27</v>
      </c>
      <c r="F20" s="1" t="s">
        <v>267</v>
      </c>
      <c r="G20" s="1" t="s">
        <v>262</v>
      </c>
      <c r="I20" s="1" t="s">
        <v>268</v>
      </c>
      <c r="J20" s="1" t="s">
        <v>269</v>
      </c>
      <c r="K20" s="1" t="s">
        <v>270</v>
      </c>
      <c r="L20" s="1" t="s">
        <v>271</v>
      </c>
      <c r="O20" s="1" t="s">
        <v>212</v>
      </c>
      <c r="P20" s="1" t="s">
        <v>38</v>
      </c>
      <c r="Q20" s="1" t="s">
        <v>213</v>
      </c>
      <c r="R20" s="1" t="s">
        <v>71</v>
      </c>
      <c r="S20" s="1" t="s">
        <v>95</v>
      </c>
      <c r="T20" s="1" t="s">
        <v>206</v>
      </c>
      <c r="U20" s="1">
        <v>6.3</v>
      </c>
      <c r="V20" s="1">
        <v>28000</v>
      </c>
      <c r="W20" s="1"/>
      <c r="X20" s="1">
        <v>8.1</v>
      </c>
      <c r="Y20" s="1">
        <v>0.39</v>
      </c>
      <c r="Z20" s="1">
        <v>2.9000000000000001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69</v>
      </c>
      <c r="BC20" s="1">
        <v>5.7</v>
      </c>
      <c r="BD20" s="1">
        <v>6.3</v>
      </c>
      <c r="BE20" s="1"/>
      <c r="BF20" s="1"/>
      <c r="BG20" s="1"/>
      <c r="BH20" s="1"/>
      <c r="BI20" s="1"/>
      <c r="BJ20" s="1"/>
      <c r="BK20" s="1"/>
      <c r="BL20" s="1"/>
      <c r="BM20" s="1">
        <v>1.7</v>
      </c>
      <c r="BN20" s="1">
        <v>0.34</v>
      </c>
      <c r="BO20" s="1"/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1388888888888899</v>
      </c>
      <c r="C21" s="1" t="s">
        <v>645</v>
      </c>
      <c r="D21" s="1" t="s">
        <v>27</v>
      </c>
      <c r="F21" s="1" t="s">
        <v>164</v>
      </c>
      <c r="G21" s="1" t="s">
        <v>44</v>
      </c>
      <c r="J21" s="1" t="s">
        <v>269</v>
      </c>
      <c r="K21" s="1" t="s">
        <v>272</v>
      </c>
      <c r="L21" s="1" t="s">
        <v>68</v>
      </c>
      <c r="O21" s="1" t="s">
        <v>212</v>
      </c>
      <c r="P21" s="1" t="s">
        <v>38</v>
      </c>
      <c r="Q21" s="1" t="s">
        <v>213</v>
      </c>
      <c r="R21" s="1" t="s">
        <v>273</v>
      </c>
      <c r="T21" s="1" t="s">
        <v>206</v>
      </c>
      <c r="U21" s="1">
        <v>7.2</v>
      </c>
      <c r="V21" s="1"/>
      <c r="W21" s="1"/>
      <c r="X21" s="1">
        <v>6.2</v>
      </c>
      <c r="Y21" s="1">
        <v>0.28000000000000003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0</v>
      </c>
      <c r="B22" s="2">
        <v>0.42708333333333331</v>
      </c>
      <c r="C22" s="1" t="s">
        <v>645</v>
      </c>
      <c r="D22" s="1" t="s">
        <v>54</v>
      </c>
      <c r="F22" s="1" t="s">
        <v>183</v>
      </c>
      <c r="G22" s="1" t="s">
        <v>274</v>
      </c>
      <c r="I22" s="1" t="s">
        <v>275</v>
      </c>
      <c r="J22" s="1" t="s">
        <v>276</v>
      </c>
      <c r="K22" s="1" t="s">
        <v>277</v>
      </c>
      <c r="L22" s="1" t="s">
        <v>68</v>
      </c>
      <c r="O22" s="1" t="s">
        <v>212</v>
      </c>
      <c r="P22" s="1" t="s">
        <v>38</v>
      </c>
      <c r="Q22" s="1" t="s">
        <v>215</v>
      </c>
      <c r="R22" s="1" t="s">
        <v>142</v>
      </c>
      <c r="S22" s="1" t="s">
        <v>95</v>
      </c>
      <c r="T22" s="1" t="s">
        <v>72</v>
      </c>
      <c r="U22" s="1">
        <v>8.5</v>
      </c>
      <c r="V22" s="1">
        <v>2200</v>
      </c>
      <c r="W22" s="1"/>
      <c r="X22" s="1">
        <v>10</v>
      </c>
      <c r="Y22" s="1">
        <v>0.26</v>
      </c>
      <c r="Z22" s="1">
        <v>3.3000000000000002E-2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42</v>
      </c>
      <c r="BC22" s="1">
        <v>7.9</v>
      </c>
      <c r="BD22" s="1">
        <v>8.3000000000000007</v>
      </c>
      <c r="BE22" s="1"/>
      <c r="BF22" s="1"/>
      <c r="BG22" s="1"/>
      <c r="BH22" s="1"/>
      <c r="BI22" s="1"/>
      <c r="BJ22" s="1"/>
      <c r="BK22" s="1"/>
      <c r="BL22" s="1"/>
      <c r="BM22" s="1">
        <v>1.6</v>
      </c>
      <c r="BN22" s="1">
        <v>0.18</v>
      </c>
      <c r="BO22" s="1"/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2708333333333337</v>
      </c>
      <c r="C23" s="1" t="s">
        <v>645</v>
      </c>
      <c r="D23" s="1" t="s">
        <v>54</v>
      </c>
      <c r="F23" s="1" t="s">
        <v>278</v>
      </c>
      <c r="G23" s="1" t="s">
        <v>279</v>
      </c>
      <c r="J23" s="1" t="s">
        <v>276</v>
      </c>
      <c r="K23" s="1" t="s">
        <v>277</v>
      </c>
      <c r="L23" s="1" t="s">
        <v>68</v>
      </c>
      <c r="O23" s="1" t="s">
        <v>212</v>
      </c>
      <c r="P23" s="1" t="s">
        <v>38</v>
      </c>
      <c r="Q23" s="1" t="s">
        <v>213</v>
      </c>
      <c r="R23" s="1" t="s">
        <v>280</v>
      </c>
      <c r="T23" s="1" t="s">
        <v>119</v>
      </c>
      <c r="U23" s="1">
        <v>8.6</v>
      </c>
      <c r="V23" s="1"/>
      <c r="W23" s="1"/>
      <c r="X23" s="1">
        <v>9.1999999999999993</v>
      </c>
      <c r="Y23" s="1">
        <v>0.28999999999999998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4</v>
      </c>
      <c r="B24" s="2">
        <v>7.8472222222222221E-2</v>
      </c>
      <c r="C24" s="1" t="s">
        <v>645</v>
      </c>
      <c r="D24" s="1" t="s">
        <v>27</v>
      </c>
      <c r="F24" s="1" t="s">
        <v>278</v>
      </c>
      <c r="G24" s="1" t="s">
        <v>281</v>
      </c>
      <c r="J24" s="1" t="s">
        <v>269</v>
      </c>
      <c r="K24" s="1" t="s">
        <v>272</v>
      </c>
      <c r="L24" s="1" t="s">
        <v>282</v>
      </c>
      <c r="O24" s="1" t="s">
        <v>212</v>
      </c>
      <c r="P24" s="1" t="s">
        <v>38</v>
      </c>
      <c r="Q24" s="1" t="s">
        <v>168</v>
      </c>
      <c r="R24" s="1" t="s">
        <v>236</v>
      </c>
      <c r="S24" s="1" t="s">
        <v>117</v>
      </c>
      <c r="T24" s="1" t="s">
        <v>283</v>
      </c>
      <c r="U24" s="1">
        <v>8</v>
      </c>
      <c r="V24" s="1">
        <v>9400</v>
      </c>
      <c r="W24" s="1"/>
      <c r="X24" s="1">
        <v>9.5</v>
      </c>
      <c r="Y24" s="1">
        <v>0.49</v>
      </c>
      <c r="Z24" s="1">
        <v>3.2000000000000001E-2</v>
      </c>
      <c r="AA24" s="1"/>
      <c r="AB24" s="1"/>
      <c r="AC24" s="1" t="s">
        <v>671</v>
      </c>
      <c r="AD24" s="1" t="s">
        <v>672</v>
      </c>
      <c r="AE24" s="1" t="s">
        <v>677</v>
      </c>
      <c r="AF24" s="1" t="s">
        <v>674</v>
      </c>
      <c r="AG24" s="1" t="s">
        <v>677</v>
      </c>
      <c r="AH24" s="1" t="s">
        <v>671</v>
      </c>
      <c r="AI24" s="1"/>
      <c r="AJ24" s="1"/>
      <c r="AK24" s="1" t="s">
        <v>678</v>
      </c>
      <c r="AL24" s="1" t="s">
        <v>678</v>
      </c>
      <c r="AM24" s="1" t="s">
        <v>678</v>
      </c>
      <c r="AN24" s="1" t="s">
        <v>678</v>
      </c>
      <c r="AO24" s="1" t="s">
        <v>678</v>
      </c>
      <c r="AP24" t="s">
        <v>678</v>
      </c>
      <c r="AQ24" s="1" t="s">
        <v>678</v>
      </c>
      <c r="AR24" s="1" t="s">
        <v>678</v>
      </c>
      <c r="AS24" s="1" t="s">
        <v>678</v>
      </c>
      <c r="AT24" s="1" t="s">
        <v>678</v>
      </c>
      <c r="AU24" s="1" t="s">
        <v>684</v>
      </c>
      <c r="AV24" s="1" t="s">
        <v>671</v>
      </c>
      <c r="AW24" s="1" t="s">
        <v>671</v>
      </c>
      <c r="AX24" s="1" t="s">
        <v>678</v>
      </c>
      <c r="AY24" s="1" t="s">
        <v>677</v>
      </c>
      <c r="AZ24" s="1">
        <v>0.09</v>
      </c>
      <c r="BA24" s="1">
        <v>0.05</v>
      </c>
      <c r="BB24" s="1">
        <v>0.42</v>
      </c>
      <c r="BC24" s="1">
        <v>6.1</v>
      </c>
      <c r="BD24" s="1">
        <v>6.5</v>
      </c>
      <c r="BE24" s="1" t="s">
        <v>674</v>
      </c>
      <c r="BF24" s="1" t="s">
        <v>674</v>
      </c>
      <c r="BG24" s="1">
        <v>7.0000000000000001E-3</v>
      </c>
      <c r="BH24" s="1">
        <v>7.0000000000000007E-2</v>
      </c>
      <c r="BI24" s="1">
        <v>0.03</v>
      </c>
      <c r="BJ24" s="1" t="s">
        <v>674</v>
      </c>
      <c r="BK24" s="1"/>
      <c r="BL24" s="1"/>
      <c r="BM24" s="1">
        <v>2.9</v>
      </c>
      <c r="BN24" s="1">
        <v>0.4</v>
      </c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59375</v>
      </c>
      <c r="C25" s="1" t="s">
        <v>645</v>
      </c>
      <c r="D25" s="1" t="s">
        <v>54</v>
      </c>
      <c r="F25" s="1" t="s">
        <v>97</v>
      </c>
      <c r="G25" s="1" t="s">
        <v>284</v>
      </c>
      <c r="I25" s="1" t="s">
        <v>285</v>
      </c>
      <c r="J25" s="1" t="s">
        <v>269</v>
      </c>
      <c r="K25" s="1" t="s">
        <v>286</v>
      </c>
      <c r="L25" s="1" t="s">
        <v>287</v>
      </c>
      <c r="O25" s="1" t="s">
        <v>212</v>
      </c>
      <c r="P25" s="1" t="s">
        <v>38</v>
      </c>
      <c r="Q25" s="1" t="s">
        <v>39</v>
      </c>
      <c r="R25" s="1" t="s">
        <v>62</v>
      </c>
      <c r="T25" s="1" t="s">
        <v>206</v>
      </c>
      <c r="U25" s="1">
        <v>8.6</v>
      </c>
      <c r="V25" s="1"/>
      <c r="W25" s="1"/>
      <c r="X25" s="1">
        <v>9.3000000000000007</v>
      </c>
      <c r="Y25" s="1">
        <v>0.43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6</v>
      </c>
      <c r="B26" s="2">
        <v>0.38680555555555557</v>
      </c>
      <c r="C26" s="1" t="s">
        <v>645</v>
      </c>
      <c r="D26" s="1" t="s">
        <v>27</v>
      </c>
      <c r="F26" s="1" t="s">
        <v>288</v>
      </c>
      <c r="G26" s="1" t="s">
        <v>289</v>
      </c>
      <c r="I26" s="1" t="s">
        <v>290</v>
      </c>
      <c r="J26" s="1" t="s">
        <v>218</v>
      </c>
      <c r="K26" s="1" t="s">
        <v>291</v>
      </c>
      <c r="L26" s="1" t="s">
        <v>68</v>
      </c>
      <c r="O26" s="1" t="s">
        <v>212</v>
      </c>
      <c r="P26" s="1" t="s">
        <v>38</v>
      </c>
      <c r="Q26" s="1" t="s">
        <v>195</v>
      </c>
      <c r="R26" s="1" t="s">
        <v>62</v>
      </c>
      <c r="S26" s="1" t="s">
        <v>112</v>
      </c>
      <c r="T26" s="1" t="s">
        <v>97</v>
      </c>
      <c r="U26" s="1">
        <v>8.1999999999999993</v>
      </c>
      <c r="V26" s="1">
        <v>790</v>
      </c>
      <c r="W26" s="1"/>
      <c r="X26" s="1">
        <v>6.3</v>
      </c>
      <c r="Y26" s="1">
        <v>0.37</v>
      </c>
      <c r="Z26" s="1">
        <v>3.1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24</v>
      </c>
      <c r="BC26" s="1">
        <v>5.0999999999999996</v>
      </c>
      <c r="BD26" s="1">
        <v>5.3</v>
      </c>
      <c r="BE26" s="1"/>
      <c r="BF26" s="1"/>
      <c r="BG26" s="1"/>
      <c r="BH26" s="1"/>
      <c r="BI26" s="1"/>
      <c r="BJ26" s="1"/>
      <c r="BK26" s="1"/>
      <c r="BL26" s="1"/>
      <c r="BM26" s="1">
        <v>0.87</v>
      </c>
      <c r="BN26" s="1">
        <v>0.3</v>
      </c>
      <c r="BO26" s="1"/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8888888888888884</v>
      </c>
      <c r="C27" s="1" t="s">
        <v>645</v>
      </c>
      <c r="D27" s="1" t="s">
        <v>27</v>
      </c>
      <c r="F27" s="1" t="s">
        <v>292</v>
      </c>
      <c r="G27" s="1" t="s">
        <v>293</v>
      </c>
      <c r="J27" s="1" t="s">
        <v>218</v>
      </c>
      <c r="K27" s="1" t="s">
        <v>291</v>
      </c>
      <c r="L27" s="1" t="s">
        <v>68</v>
      </c>
      <c r="O27" s="1" t="s">
        <v>212</v>
      </c>
      <c r="P27" s="1" t="s">
        <v>38</v>
      </c>
      <c r="Q27" s="1" t="s">
        <v>215</v>
      </c>
      <c r="R27" s="1" t="s">
        <v>294</v>
      </c>
      <c r="T27" s="1" t="s">
        <v>97</v>
      </c>
      <c r="U27" s="1">
        <v>8.6999999999999993</v>
      </c>
      <c r="V27" s="1"/>
      <c r="W27" s="1"/>
      <c r="X27" s="1">
        <v>5.4</v>
      </c>
      <c r="Y27" s="1">
        <v>0.36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9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34</v>
      </c>
      <c r="C1" s="1" t="s">
        <v>1</v>
      </c>
      <c r="D1" s="1" t="s">
        <v>648</v>
      </c>
      <c r="E1" s="1" t="s">
        <v>2</v>
      </c>
      <c r="F1" s="1" t="s">
        <v>649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7</v>
      </c>
      <c r="AB2" s="1" t="s">
        <v>707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19236111111111112</v>
      </c>
      <c r="C4" s="1" t="s">
        <v>645</v>
      </c>
      <c r="D4" s="1" t="s">
        <v>27</v>
      </c>
      <c r="F4" s="1" t="s">
        <v>295</v>
      </c>
      <c r="G4" s="1" t="s">
        <v>156</v>
      </c>
      <c r="J4" s="1" t="s">
        <v>296</v>
      </c>
      <c r="K4" s="1" t="s">
        <v>192</v>
      </c>
      <c r="L4" s="1" t="s">
        <v>68</v>
      </c>
      <c r="O4" s="1" t="s">
        <v>212</v>
      </c>
      <c r="P4" s="1" t="s">
        <v>38</v>
      </c>
      <c r="Q4" s="1" t="s">
        <v>195</v>
      </c>
      <c r="R4" s="1" t="s">
        <v>257</v>
      </c>
      <c r="S4" s="1" t="s">
        <v>80</v>
      </c>
      <c r="T4" s="1" t="s">
        <v>72</v>
      </c>
      <c r="U4" s="1">
        <v>7.3</v>
      </c>
      <c r="V4" s="1">
        <v>13000</v>
      </c>
      <c r="W4" s="1"/>
      <c r="X4" s="1">
        <v>7.8</v>
      </c>
      <c r="Y4" s="1">
        <v>0.3</v>
      </c>
      <c r="Z4" s="1">
        <v>3.2000000000000001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34</v>
      </c>
      <c r="BC4" s="1">
        <v>5.7</v>
      </c>
      <c r="BD4" s="1">
        <v>6</v>
      </c>
      <c r="BE4" s="1"/>
      <c r="BF4" s="1"/>
      <c r="BG4" s="1"/>
      <c r="BH4" s="1"/>
      <c r="BI4" s="1"/>
      <c r="BJ4" s="1"/>
      <c r="BK4" s="1"/>
      <c r="BL4" s="1"/>
      <c r="BM4" s="1">
        <v>0.57999999999999996</v>
      </c>
      <c r="BN4" s="1">
        <v>0.23</v>
      </c>
      <c r="BO4" s="1">
        <v>41</v>
      </c>
      <c r="BP4" s="1">
        <v>37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0138888888888884</v>
      </c>
      <c r="C5" s="1" t="s">
        <v>645</v>
      </c>
      <c r="D5" s="1" t="s">
        <v>27</v>
      </c>
      <c r="F5" s="1" t="s">
        <v>297</v>
      </c>
      <c r="G5" s="1" t="s">
        <v>44</v>
      </c>
      <c r="J5" s="1" t="s">
        <v>298</v>
      </c>
      <c r="K5" s="1" t="s">
        <v>299</v>
      </c>
      <c r="L5" s="1" t="s">
        <v>68</v>
      </c>
      <c r="O5" s="1" t="s">
        <v>212</v>
      </c>
      <c r="P5" s="1" t="s">
        <v>38</v>
      </c>
      <c r="Q5" s="1" t="s">
        <v>215</v>
      </c>
      <c r="R5" s="1" t="s">
        <v>194</v>
      </c>
      <c r="T5" s="1" t="s">
        <v>119</v>
      </c>
      <c r="U5" s="1">
        <v>8.1999999999999993</v>
      </c>
      <c r="V5" s="1"/>
      <c r="W5" s="1"/>
      <c r="X5" s="1">
        <v>9.6</v>
      </c>
      <c r="Y5" s="1">
        <v>0.38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1180555555555556</v>
      </c>
      <c r="C6" s="1" t="s">
        <v>645</v>
      </c>
      <c r="D6" s="1" t="s">
        <v>54</v>
      </c>
      <c r="F6" s="1" t="s">
        <v>139</v>
      </c>
      <c r="G6" s="1" t="s">
        <v>75</v>
      </c>
      <c r="J6" s="1" t="s">
        <v>286</v>
      </c>
      <c r="K6" s="1" t="s">
        <v>300</v>
      </c>
      <c r="L6" s="1" t="s">
        <v>301</v>
      </c>
      <c r="O6" s="1" t="s">
        <v>212</v>
      </c>
      <c r="P6" s="1" t="s">
        <v>38</v>
      </c>
      <c r="Q6" s="1" t="s">
        <v>213</v>
      </c>
      <c r="R6" s="1" t="s">
        <v>61</v>
      </c>
      <c r="S6" s="1" t="s">
        <v>39</v>
      </c>
      <c r="T6" s="1" t="s">
        <v>62</v>
      </c>
      <c r="U6" s="1">
        <v>5.7</v>
      </c>
      <c r="V6" s="1">
        <v>2200000</v>
      </c>
      <c r="W6" s="1"/>
      <c r="X6" s="1">
        <v>6.2</v>
      </c>
      <c r="Y6" s="1">
        <v>0.6</v>
      </c>
      <c r="Z6" s="1">
        <v>2.5000000000000001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18</v>
      </c>
      <c r="BC6" s="1">
        <v>4.5999999999999996</v>
      </c>
      <c r="BD6" s="1">
        <v>4.7</v>
      </c>
      <c r="BE6" s="1"/>
      <c r="BF6" s="1"/>
      <c r="BG6" s="1"/>
      <c r="BH6" s="1"/>
      <c r="BI6" s="1"/>
      <c r="BJ6" s="1"/>
      <c r="BK6" s="1"/>
      <c r="BL6" s="1"/>
      <c r="BM6" s="1">
        <v>1.2</v>
      </c>
      <c r="BN6" s="1">
        <v>0.5</v>
      </c>
      <c r="BO6" s="1">
        <v>36</v>
      </c>
      <c r="BP6" s="1">
        <v>29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4027777777777779</v>
      </c>
      <c r="C7" s="1" t="s">
        <v>645</v>
      </c>
      <c r="D7" s="1" t="s">
        <v>54</v>
      </c>
      <c r="F7" s="1" t="s">
        <v>302</v>
      </c>
      <c r="G7" s="1" t="s">
        <v>121</v>
      </c>
      <c r="J7" s="1" t="s">
        <v>291</v>
      </c>
      <c r="K7" s="1" t="s">
        <v>303</v>
      </c>
      <c r="L7" s="1" t="s">
        <v>68</v>
      </c>
      <c r="O7" s="1" t="s">
        <v>212</v>
      </c>
      <c r="P7" s="1" t="s">
        <v>38</v>
      </c>
      <c r="Q7" s="1" t="s">
        <v>213</v>
      </c>
      <c r="R7" s="1" t="s">
        <v>131</v>
      </c>
      <c r="T7" s="1" t="s">
        <v>72</v>
      </c>
      <c r="U7" s="1">
        <v>7.7</v>
      </c>
      <c r="V7" s="1"/>
      <c r="W7" s="1"/>
      <c r="X7" s="1">
        <v>5.5</v>
      </c>
      <c r="Y7" s="1">
        <v>0.27</v>
      </c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27</v>
      </c>
      <c r="B8" s="2">
        <v>2.6388888888888889E-2</v>
      </c>
      <c r="C8" s="1" t="s">
        <v>645</v>
      </c>
      <c r="D8" s="1" t="s">
        <v>27</v>
      </c>
      <c r="F8" s="1" t="s">
        <v>252</v>
      </c>
      <c r="G8" s="1" t="s">
        <v>242</v>
      </c>
      <c r="J8" s="1" t="s">
        <v>296</v>
      </c>
      <c r="K8" s="1" t="s">
        <v>192</v>
      </c>
      <c r="L8" s="1" t="s">
        <v>68</v>
      </c>
      <c r="O8" s="1" t="s">
        <v>212</v>
      </c>
      <c r="P8" s="1" t="s">
        <v>38</v>
      </c>
      <c r="Q8" s="1" t="s">
        <v>213</v>
      </c>
      <c r="R8" s="1" t="s">
        <v>214</v>
      </c>
      <c r="S8" s="1" t="s">
        <v>231</v>
      </c>
      <c r="T8" s="1" t="s">
        <v>62</v>
      </c>
      <c r="U8" s="1">
        <v>5.9</v>
      </c>
      <c r="V8" s="1">
        <v>14000</v>
      </c>
      <c r="W8" s="1"/>
      <c r="X8" s="1">
        <v>6.4</v>
      </c>
      <c r="Y8" s="1">
        <v>0.21</v>
      </c>
      <c r="Z8" s="1">
        <v>3.2000000000000001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56999999999999995</v>
      </c>
      <c r="BC8" s="1">
        <v>4.3</v>
      </c>
      <c r="BD8" s="1">
        <v>4.8</v>
      </c>
      <c r="BE8" s="1"/>
      <c r="BF8" s="1"/>
      <c r="BG8" s="1"/>
      <c r="BH8" s="1"/>
      <c r="BI8" s="1"/>
      <c r="BJ8" s="1"/>
      <c r="BK8" s="1"/>
      <c r="BL8" s="1"/>
      <c r="BM8" s="1">
        <v>1.4</v>
      </c>
      <c r="BN8" s="1">
        <v>0.17</v>
      </c>
      <c r="BO8" s="1">
        <v>41</v>
      </c>
      <c r="BP8" s="1">
        <v>41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3749999999999998</v>
      </c>
      <c r="C9" s="1" t="s">
        <v>645</v>
      </c>
      <c r="D9" s="1" t="s">
        <v>232</v>
      </c>
      <c r="F9" s="1" t="s">
        <v>304</v>
      </c>
      <c r="G9" s="1" t="s">
        <v>302</v>
      </c>
      <c r="J9" s="1" t="s">
        <v>305</v>
      </c>
      <c r="K9" s="1" t="s">
        <v>306</v>
      </c>
      <c r="L9" s="1" t="s">
        <v>68</v>
      </c>
      <c r="O9" s="1" t="s">
        <v>212</v>
      </c>
      <c r="P9" s="1" t="s">
        <v>38</v>
      </c>
      <c r="Q9" s="1" t="s">
        <v>213</v>
      </c>
      <c r="R9" s="1" t="s">
        <v>169</v>
      </c>
      <c r="T9" s="1" t="s">
        <v>119</v>
      </c>
      <c r="U9" s="1">
        <v>6.3</v>
      </c>
      <c r="V9" s="1"/>
      <c r="W9" s="1"/>
      <c r="X9" s="1">
        <v>6.2</v>
      </c>
      <c r="Y9" s="1">
        <v>0.19</v>
      </c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38611111111111113</v>
      </c>
      <c r="C10" s="1" t="s">
        <v>645</v>
      </c>
      <c r="D10" s="1" t="s">
        <v>27</v>
      </c>
      <c r="F10" s="1" t="s">
        <v>307</v>
      </c>
      <c r="G10" s="1" t="s">
        <v>308</v>
      </c>
      <c r="J10" s="1" t="s">
        <v>309</v>
      </c>
      <c r="K10" s="1" t="s">
        <v>310</v>
      </c>
      <c r="L10" s="1" t="s">
        <v>68</v>
      </c>
      <c r="O10" s="1" t="s">
        <v>212</v>
      </c>
      <c r="P10" s="1" t="s">
        <v>38</v>
      </c>
      <c r="Q10" s="1" t="s">
        <v>213</v>
      </c>
      <c r="R10" s="1" t="s">
        <v>104</v>
      </c>
      <c r="S10" s="1" t="s">
        <v>39</v>
      </c>
      <c r="T10" s="1" t="s">
        <v>119</v>
      </c>
      <c r="U10" s="1">
        <v>6.5</v>
      </c>
      <c r="V10" s="1">
        <v>1300</v>
      </c>
      <c r="W10" s="1"/>
      <c r="X10" s="1">
        <v>6.2</v>
      </c>
      <c r="Y10" s="1">
        <v>0.18</v>
      </c>
      <c r="Z10" s="1">
        <v>2.4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41</v>
      </c>
      <c r="BC10" s="1">
        <v>4.5999999999999996</v>
      </c>
      <c r="BD10" s="1">
        <v>5</v>
      </c>
      <c r="BE10" s="1"/>
      <c r="BF10" s="1"/>
      <c r="BG10" s="1"/>
      <c r="BH10" s="1"/>
      <c r="BI10" s="1"/>
      <c r="BJ10" s="1"/>
      <c r="BK10" s="1"/>
      <c r="BL10" s="1"/>
      <c r="BM10" s="1">
        <v>0.37</v>
      </c>
      <c r="BN10" s="1">
        <v>0.13</v>
      </c>
      <c r="BO10" s="1">
        <v>49</v>
      </c>
      <c r="BP10" s="1">
        <v>37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0625</v>
      </c>
      <c r="C11" s="1" t="s">
        <v>645</v>
      </c>
      <c r="D11" s="1" t="s">
        <v>27</v>
      </c>
      <c r="F11" s="1" t="s">
        <v>311</v>
      </c>
      <c r="G11" s="1" t="s">
        <v>312</v>
      </c>
      <c r="J11" s="1" t="s">
        <v>219</v>
      </c>
      <c r="K11" s="1" t="s">
        <v>72</v>
      </c>
      <c r="L11" s="1" t="s">
        <v>68</v>
      </c>
      <c r="O11" s="1" t="s">
        <v>212</v>
      </c>
      <c r="P11" s="1" t="s">
        <v>38</v>
      </c>
      <c r="Q11" s="1" t="s">
        <v>231</v>
      </c>
      <c r="R11" s="1" t="s">
        <v>313</v>
      </c>
      <c r="T11" s="1" t="s">
        <v>42</v>
      </c>
      <c r="U11" s="1">
        <v>7.1</v>
      </c>
      <c r="V11" s="1"/>
      <c r="W11" s="1"/>
      <c r="X11" s="1">
        <v>5.8</v>
      </c>
      <c r="Y11" s="1">
        <v>0.17</v>
      </c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44</v>
      </c>
      <c r="B12" s="2">
        <v>7.6388888888888895E-2</v>
      </c>
      <c r="C12" s="1" t="s">
        <v>645</v>
      </c>
      <c r="D12" s="1" t="s">
        <v>54</v>
      </c>
      <c r="F12" s="1" t="s">
        <v>314</v>
      </c>
      <c r="G12" s="1" t="s">
        <v>315</v>
      </c>
      <c r="J12" s="1" t="s">
        <v>298</v>
      </c>
      <c r="K12" s="1" t="s">
        <v>316</v>
      </c>
      <c r="L12" s="1" t="s">
        <v>68</v>
      </c>
      <c r="O12" s="1" t="s">
        <v>212</v>
      </c>
      <c r="P12" s="1" t="s">
        <v>38</v>
      </c>
      <c r="Q12" s="1" t="s">
        <v>231</v>
      </c>
      <c r="R12" s="1" t="s">
        <v>214</v>
      </c>
      <c r="S12" s="1" t="s">
        <v>117</v>
      </c>
      <c r="T12" s="1" t="s">
        <v>42</v>
      </c>
      <c r="U12" s="1">
        <v>6.4</v>
      </c>
      <c r="V12" s="1">
        <v>23000</v>
      </c>
      <c r="W12" s="1"/>
      <c r="X12" s="1">
        <v>7.4</v>
      </c>
      <c r="Y12" s="1">
        <v>0.3</v>
      </c>
      <c r="Z12" s="1">
        <v>2.8000000000000001E-2</v>
      </c>
      <c r="AA12" s="1"/>
      <c r="AB12" s="1"/>
      <c r="AC12" s="1" t="s">
        <v>671</v>
      </c>
      <c r="AD12" s="1" t="s">
        <v>672</v>
      </c>
      <c r="AE12" s="1" t="s">
        <v>677</v>
      </c>
      <c r="AF12" s="1" t="s">
        <v>674</v>
      </c>
      <c r="AG12" s="1">
        <v>1E-3</v>
      </c>
      <c r="AH12" s="1" t="s">
        <v>671</v>
      </c>
      <c r="AI12" s="1"/>
      <c r="AJ12" s="1" t="s">
        <v>671</v>
      </c>
      <c r="AK12" s="1" t="s">
        <v>678</v>
      </c>
      <c r="AL12" s="1" t="s">
        <v>678</v>
      </c>
      <c r="AM12" s="1" t="s">
        <v>678</v>
      </c>
      <c r="AN12" s="1" t="s">
        <v>678</v>
      </c>
      <c r="AO12" s="1" t="s">
        <v>678</v>
      </c>
      <c r="AP12" t="s">
        <v>678</v>
      </c>
      <c r="AQ12" s="1" t="s">
        <v>678</v>
      </c>
      <c r="AR12" s="1" t="s">
        <v>678</v>
      </c>
      <c r="AS12" s="1" t="s">
        <v>678</v>
      </c>
      <c r="AT12" s="1" t="s">
        <v>678</v>
      </c>
      <c r="AU12" s="1" t="s">
        <v>684</v>
      </c>
      <c r="AV12" s="1" t="s">
        <v>671</v>
      </c>
      <c r="AW12" s="1" t="s">
        <v>671</v>
      </c>
      <c r="AX12" s="1" t="s">
        <v>678</v>
      </c>
      <c r="AY12" s="1" t="s">
        <v>677</v>
      </c>
      <c r="AZ12" s="1"/>
      <c r="BA12" s="1"/>
      <c r="BB12" s="1">
        <v>0.47</v>
      </c>
      <c r="BC12" s="1">
        <v>5.9</v>
      </c>
      <c r="BD12" s="1">
        <v>6.3</v>
      </c>
      <c r="BE12" s="1" t="s">
        <v>674</v>
      </c>
      <c r="BF12" s="1" t="s">
        <v>674</v>
      </c>
      <c r="BG12" s="1">
        <v>6.0000000000000001E-3</v>
      </c>
      <c r="BH12" s="1">
        <v>0.04</v>
      </c>
      <c r="BI12" s="1">
        <v>0.02</v>
      </c>
      <c r="BJ12" s="1" t="s">
        <v>674</v>
      </c>
      <c r="BK12" s="1" t="s">
        <v>684</v>
      </c>
      <c r="BL12" s="1">
        <v>3.0000000000000001E-3</v>
      </c>
      <c r="BM12" s="1">
        <v>0.57999999999999996</v>
      </c>
      <c r="BN12" s="1">
        <v>0.26</v>
      </c>
      <c r="BO12" s="1">
        <v>72</v>
      </c>
      <c r="BP12" s="1">
        <v>13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2847222222222221</v>
      </c>
      <c r="C13" s="1" t="s">
        <v>645</v>
      </c>
      <c r="D13" s="1" t="s">
        <v>27</v>
      </c>
      <c r="F13" s="1" t="s">
        <v>317</v>
      </c>
      <c r="G13" s="1" t="s">
        <v>318</v>
      </c>
      <c r="J13" s="1" t="s">
        <v>57</v>
      </c>
      <c r="K13" s="1" t="s">
        <v>124</v>
      </c>
      <c r="L13" s="1" t="s">
        <v>68</v>
      </c>
      <c r="O13" s="1" t="s">
        <v>212</v>
      </c>
      <c r="P13" s="1" t="s">
        <v>38</v>
      </c>
      <c r="Q13" s="1" t="s">
        <v>195</v>
      </c>
      <c r="R13" s="1" t="s">
        <v>257</v>
      </c>
      <c r="T13" s="1" t="s">
        <v>62</v>
      </c>
      <c r="U13" s="1">
        <v>7</v>
      </c>
      <c r="V13" s="1"/>
      <c r="W13" s="1"/>
      <c r="X13" s="1">
        <v>7.4</v>
      </c>
      <c r="Y13" s="1">
        <v>0.38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49</v>
      </c>
      <c r="B14" s="2">
        <v>0.19444444444444445</v>
      </c>
      <c r="C14" s="1" t="s">
        <v>645</v>
      </c>
      <c r="D14" s="1" t="s">
        <v>27</v>
      </c>
      <c r="F14" s="1" t="s">
        <v>319</v>
      </c>
      <c r="G14" s="1" t="s">
        <v>314</v>
      </c>
      <c r="J14" s="1" t="s">
        <v>320</v>
      </c>
      <c r="K14" s="1" t="s">
        <v>131</v>
      </c>
      <c r="L14" s="1" t="s">
        <v>68</v>
      </c>
      <c r="O14" s="1" t="s">
        <v>212</v>
      </c>
      <c r="P14" s="1" t="s">
        <v>38</v>
      </c>
      <c r="Q14" s="1" t="s">
        <v>215</v>
      </c>
      <c r="R14" s="1" t="s">
        <v>257</v>
      </c>
      <c r="S14" s="1" t="s">
        <v>206</v>
      </c>
      <c r="T14" s="1" t="s">
        <v>62</v>
      </c>
      <c r="U14" s="1">
        <v>6.8</v>
      </c>
      <c r="V14" s="1">
        <v>23000</v>
      </c>
      <c r="W14" s="1"/>
      <c r="X14" s="1">
        <v>5.8</v>
      </c>
      <c r="Y14" s="1">
        <v>0.51</v>
      </c>
      <c r="Z14" s="1">
        <v>2.3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18</v>
      </c>
      <c r="BC14" s="1">
        <v>4.7</v>
      </c>
      <c r="BD14" s="1">
        <v>4.8</v>
      </c>
      <c r="BE14" s="1"/>
      <c r="BF14" s="1"/>
      <c r="BG14" s="1"/>
      <c r="BH14" s="1"/>
      <c r="BI14" s="1"/>
      <c r="BJ14" s="1"/>
      <c r="BK14" s="1"/>
      <c r="BL14" s="1"/>
      <c r="BM14" s="1">
        <v>0.52</v>
      </c>
      <c r="BN14" s="1">
        <v>0.45</v>
      </c>
      <c r="BO14" s="1">
        <v>35</v>
      </c>
      <c r="BP14" s="1">
        <v>28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4861111111111101</v>
      </c>
      <c r="C15" s="1" t="s">
        <v>645</v>
      </c>
      <c r="D15" s="1" t="s">
        <v>232</v>
      </c>
      <c r="F15" s="1" t="s">
        <v>321</v>
      </c>
      <c r="G15" s="1" t="s">
        <v>64</v>
      </c>
      <c r="J15" s="1" t="s">
        <v>277</v>
      </c>
      <c r="K15" s="1" t="s">
        <v>104</v>
      </c>
      <c r="L15" s="1" t="s">
        <v>68</v>
      </c>
      <c r="O15" s="1" t="s">
        <v>212</v>
      </c>
      <c r="P15" s="1" t="s">
        <v>38</v>
      </c>
      <c r="Q15" s="1" t="s">
        <v>215</v>
      </c>
      <c r="R15" s="1" t="s">
        <v>169</v>
      </c>
      <c r="T15" s="1" t="s">
        <v>42</v>
      </c>
      <c r="U15" s="1">
        <v>7</v>
      </c>
      <c r="V15" s="1"/>
      <c r="W15" s="1"/>
      <c r="X15" s="1">
        <v>6.1</v>
      </c>
      <c r="Y15" s="1">
        <v>0.32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55</v>
      </c>
      <c r="B16" s="2">
        <v>8.1944444444444445E-2</v>
      </c>
      <c r="C16" s="1" t="s">
        <v>645</v>
      </c>
      <c r="D16" s="1" t="s">
        <v>27</v>
      </c>
      <c r="F16" s="1" t="s">
        <v>30</v>
      </c>
      <c r="G16" s="1" t="s">
        <v>266</v>
      </c>
      <c r="J16" s="1" t="s">
        <v>134</v>
      </c>
      <c r="K16" s="1" t="s">
        <v>322</v>
      </c>
      <c r="L16" s="1" t="s">
        <v>323</v>
      </c>
      <c r="O16" s="1" t="s">
        <v>212</v>
      </c>
      <c r="P16" s="1" t="s">
        <v>38</v>
      </c>
      <c r="Q16" s="1" t="s">
        <v>213</v>
      </c>
      <c r="R16" s="1" t="s">
        <v>70</v>
      </c>
      <c r="S16" s="1" t="s">
        <v>324</v>
      </c>
      <c r="T16" s="1" t="s">
        <v>42</v>
      </c>
      <c r="U16" s="1">
        <v>7.1</v>
      </c>
      <c r="V16" s="1">
        <v>2300</v>
      </c>
      <c r="W16" s="1"/>
      <c r="X16" s="1">
        <v>5.9</v>
      </c>
      <c r="Y16" s="1">
        <v>0.25</v>
      </c>
      <c r="Z16" s="1">
        <v>2.4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3</v>
      </c>
      <c r="BC16" s="1">
        <v>4.5</v>
      </c>
      <c r="BD16" s="1">
        <v>4.8</v>
      </c>
      <c r="BE16" s="1"/>
      <c r="BF16" s="1"/>
      <c r="BG16" s="1"/>
      <c r="BH16" s="1"/>
      <c r="BI16" s="1"/>
      <c r="BJ16" s="1"/>
      <c r="BK16" s="1"/>
      <c r="BL16" s="1"/>
      <c r="BM16" s="1">
        <v>0.19</v>
      </c>
      <c r="BN16" s="1">
        <v>0.2</v>
      </c>
      <c r="BO16" s="1">
        <v>36</v>
      </c>
      <c r="BP16" s="1">
        <v>4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58333333333333337</v>
      </c>
      <c r="C17" s="1" t="s">
        <v>645</v>
      </c>
      <c r="D17" s="1" t="s">
        <v>54</v>
      </c>
      <c r="F17" s="1" t="s">
        <v>325</v>
      </c>
      <c r="G17" s="1" t="s">
        <v>326</v>
      </c>
      <c r="J17" s="1" t="s">
        <v>327</v>
      </c>
      <c r="K17" s="1" t="s">
        <v>328</v>
      </c>
      <c r="L17" s="1" t="s">
        <v>68</v>
      </c>
      <c r="O17" s="1" t="s">
        <v>212</v>
      </c>
      <c r="P17" s="1" t="s">
        <v>38</v>
      </c>
      <c r="Q17" s="1" t="s">
        <v>213</v>
      </c>
      <c r="R17" s="1" t="s">
        <v>104</v>
      </c>
      <c r="T17" s="1" t="s">
        <v>72</v>
      </c>
      <c r="U17" s="1">
        <v>7.1</v>
      </c>
      <c r="V17" s="1"/>
      <c r="W17" s="1"/>
      <c r="X17" s="1">
        <v>6.8</v>
      </c>
      <c r="Y17" s="1">
        <v>0.27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60</v>
      </c>
      <c r="B18" s="2">
        <v>0.25486111111111109</v>
      </c>
      <c r="C18" s="1" t="s">
        <v>645</v>
      </c>
      <c r="D18" s="1" t="s">
        <v>27</v>
      </c>
      <c r="F18" s="1" t="s">
        <v>329</v>
      </c>
      <c r="G18" s="1" t="s">
        <v>297</v>
      </c>
      <c r="J18" s="1" t="s">
        <v>286</v>
      </c>
      <c r="K18" s="1" t="s">
        <v>330</v>
      </c>
      <c r="L18" s="1" t="s">
        <v>331</v>
      </c>
      <c r="O18" s="1" t="s">
        <v>332</v>
      </c>
      <c r="P18" s="1" t="s">
        <v>38</v>
      </c>
      <c r="Q18" s="1" t="s">
        <v>224</v>
      </c>
      <c r="R18" s="1" t="s">
        <v>61</v>
      </c>
      <c r="S18" s="1" t="s">
        <v>333</v>
      </c>
      <c r="T18" s="1" t="s">
        <v>213</v>
      </c>
      <c r="U18" s="1">
        <v>6.6</v>
      </c>
      <c r="V18" s="1">
        <v>330000</v>
      </c>
      <c r="W18" s="1"/>
      <c r="X18" s="1">
        <v>4.5</v>
      </c>
      <c r="Y18" s="1">
        <v>0.23</v>
      </c>
      <c r="Z18" s="1">
        <v>2.1999999999999999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17</v>
      </c>
      <c r="BC18" s="1">
        <v>2.5</v>
      </c>
      <c r="BD18" s="1">
        <v>2.6</v>
      </c>
      <c r="BE18" s="1"/>
      <c r="BF18" s="1"/>
      <c r="BG18" s="1"/>
      <c r="BH18" s="1"/>
      <c r="BI18" s="1"/>
      <c r="BJ18" s="1"/>
      <c r="BK18" s="1"/>
      <c r="BL18" s="1"/>
      <c r="BM18" s="1">
        <v>1</v>
      </c>
      <c r="BN18" s="1">
        <v>0.16</v>
      </c>
      <c r="BO18" s="1">
        <v>20</v>
      </c>
      <c r="BP18" s="1">
        <v>19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6388888888888884</v>
      </c>
      <c r="C19" s="1" t="s">
        <v>645</v>
      </c>
      <c r="D19" s="1" t="s">
        <v>27</v>
      </c>
      <c r="F19" s="1" t="s">
        <v>334</v>
      </c>
      <c r="G19" s="1" t="s">
        <v>335</v>
      </c>
      <c r="J19" s="1" t="s">
        <v>298</v>
      </c>
      <c r="K19" s="1" t="s">
        <v>299</v>
      </c>
      <c r="L19" s="1" t="s">
        <v>336</v>
      </c>
      <c r="O19" s="1" t="s">
        <v>212</v>
      </c>
      <c r="P19" s="1" t="s">
        <v>38</v>
      </c>
      <c r="Q19" s="1" t="s">
        <v>183</v>
      </c>
      <c r="R19" s="1" t="s">
        <v>178</v>
      </c>
      <c r="T19" s="1" t="s">
        <v>52</v>
      </c>
      <c r="U19" s="1">
        <v>7.5</v>
      </c>
      <c r="V19" s="1"/>
      <c r="W19" s="1"/>
      <c r="X19" s="1">
        <v>4.8</v>
      </c>
      <c r="Y19" s="1">
        <v>0.19</v>
      </c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4</v>
      </c>
      <c r="B20" s="2">
        <v>0.25</v>
      </c>
      <c r="C20" s="1" t="s">
        <v>645</v>
      </c>
      <c r="D20" s="1" t="s">
        <v>27</v>
      </c>
      <c r="F20" s="1" t="s">
        <v>337</v>
      </c>
      <c r="G20" s="1" t="s">
        <v>217</v>
      </c>
      <c r="J20" s="1" t="s">
        <v>296</v>
      </c>
      <c r="K20" s="1" t="s">
        <v>192</v>
      </c>
      <c r="L20" s="1" t="s">
        <v>338</v>
      </c>
      <c r="O20" s="1" t="s">
        <v>212</v>
      </c>
      <c r="P20" s="1" t="s">
        <v>38</v>
      </c>
      <c r="Q20" s="1" t="s">
        <v>213</v>
      </c>
      <c r="R20" s="1" t="s">
        <v>185</v>
      </c>
      <c r="S20" s="1" t="s">
        <v>41</v>
      </c>
      <c r="T20" s="1" t="s">
        <v>119</v>
      </c>
      <c r="U20" s="1">
        <v>6.8</v>
      </c>
      <c r="V20" s="1">
        <v>2100</v>
      </c>
      <c r="W20" s="1"/>
      <c r="X20" s="1">
        <v>7.9</v>
      </c>
      <c r="Y20" s="1">
        <v>0.27</v>
      </c>
      <c r="Z20" s="1">
        <v>2.9000000000000001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46</v>
      </c>
      <c r="BC20" s="1">
        <v>6.4</v>
      </c>
      <c r="BD20" s="1">
        <v>6.8</v>
      </c>
      <c r="BE20" s="1"/>
      <c r="BF20" s="1"/>
      <c r="BG20" s="1"/>
      <c r="BH20" s="1"/>
      <c r="BI20" s="1"/>
      <c r="BJ20" s="1"/>
      <c r="BK20" s="1"/>
      <c r="BL20" s="1"/>
      <c r="BM20" s="1">
        <v>1</v>
      </c>
      <c r="BN20" s="1">
        <v>0.22</v>
      </c>
      <c r="BO20" s="1">
        <v>100</v>
      </c>
      <c r="BP20" s="1">
        <v>25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6388888888888884</v>
      </c>
      <c r="C21" s="1" t="s">
        <v>645</v>
      </c>
      <c r="D21" s="1" t="s">
        <v>27</v>
      </c>
      <c r="F21" s="1" t="s">
        <v>262</v>
      </c>
      <c r="G21" s="1" t="s">
        <v>339</v>
      </c>
      <c r="J21" s="1" t="s">
        <v>76</v>
      </c>
      <c r="K21" s="1" t="s">
        <v>340</v>
      </c>
      <c r="L21" s="1" t="s">
        <v>102</v>
      </c>
      <c r="O21" s="1" t="s">
        <v>212</v>
      </c>
      <c r="P21" s="1" t="s">
        <v>38</v>
      </c>
      <c r="Q21" s="1" t="s">
        <v>231</v>
      </c>
      <c r="R21" s="1" t="s">
        <v>341</v>
      </c>
      <c r="T21" s="1" t="s">
        <v>283</v>
      </c>
      <c r="U21" s="1">
        <v>6.6</v>
      </c>
      <c r="V21" s="1"/>
      <c r="W21" s="1"/>
      <c r="X21" s="1">
        <v>8.1</v>
      </c>
      <c r="Y21" s="1">
        <v>0.33</v>
      </c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0</v>
      </c>
      <c r="B22" s="2">
        <v>0.36805555555555558</v>
      </c>
      <c r="C22" s="1" t="s">
        <v>645</v>
      </c>
      <c r="D22" s="1" t="s">
        <v>54</v>
      </c>
      <c r="F22" s="1" t="s">
        <v>224</v>
      </c>
      <c r="G22" s="1" t="s">
        <v>162</v>
      </c>
      <c r="J22" s="1" t="s">
        <v>296</v>
      </c>
      <c r="K22" s="1" t="s">
        <v>192</v>
      </c>
      <c r="L22" s="1" t="s">
        <v>68</v>
      </c>
      <c r="O22" s="1" t="s">
        <v>212</v>
      </c>
      <c r="P22" s="1" t="s">
        <v>38</v>
      </c>
      <c r="Q22" s="1" t="s">
        <v>231</v>
      </c>
      <c r="R22" s="1" t="s">
        <v>147</v>
      </c>
      <c r="S22" s="1" t="s">
        <v>49</v>
      </c>
      <c r="T22" s="1" t="s">
        <v>72</v>
      </c>
      <c r="U22" s="1">
        <v>8.1999999999999993</v>
      </c>
      <c r="V22" s="1">
        <v>790</v>
      </c>
      <c r="W22" s="1"/>
      <c r="X22" s="1">
        <v>10</v>
      </c>
      <c r="Y22" s="1">
        <v>0.26</v>
      </c>
      <c r="Z22" s="1">
        <v>3.2000000000000001E-2</v>
      </c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39</v>
      </c>
      <c r="BC22" s="1">
        <v>7.9</v>
      </c>
      <c r="BD22" s="1">
        <v>8.1999999999999993</v>
      </c>
      <c r="BE22" s="1"/>
      <c r="BF22" s="1"/>
      <c r="BG22" s="1"/>
      <c r="BH22" s="1"/>
      <c r="BI22" s="1"/>
      <c r="BJ22" s="1"/>
      <c r="BK22" s="1"/>
      <c r="BL22" s="1"/>
      <c r="BM22" s="1">
        <v>1.6</v>
      </c>
      <c r="BN22" s="1">
        <v>0.19</v>
      </c>
      <c r="BO22" s="1">
        <v>100</v>
      </c>
      <c r="BP22" s="1">
        <v>22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6805555555555547</v>
      </c>
      <c r="C23" s="1" t="s">
        <v>645</v>
      </c>
      <c r="D23" s="1" t="s">
        <v>54</v>
      </c>
      <c r="F23" s="1" t="s">
        <v>142</v>
      </c>
      <c r="G23" s="1" t="s">
        <v>342</v>
      </c>
      <c r="J23" s="1" t="s">
        <v>298</v>
      </c>
      <c r="K23" s="1" t="s">
        <v>299</v>
      </c>
      <c r="L23" s="1" t="s">
        <v>68</v>
      </c>
      <c r="O23" s="1" t="s">
        <v>212</v>
      </c>
      <c r="P23" s="1" t="s">
        <v>38</v>
      </c>
      <c r="Q23" s="1" t="s">
        <v>213</v>
      </c>
      <c r="R23" s="1" t="s">
        <v>161</v>
      </c>
      <c r="T23" s="1" t="s">
        <v>119</v>
      </c>
      <c r="U23" s="1">
        <v>8.4</v>
      </c>
      <c r="V23" s="1"/>
      <c r="W23" s="1"/>
      <c r="X23" s="1">
        <v>10</v>
      </c>
      <c r="Y23" s="1">
        <v>0.25</v>
      </c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4</v>
      </c>
      <c r="B24" s="2">
        <v>4.1666666666666664E-2</v>
      </c>
      <c r="C24" s="1" t="s">
        <v>645</v>
      </c>
      <c r="D24" s="1" t="s">
        <v>27</v>
      </c>
      <c r="F24" s="1" t="s">
        <v>119</v>
      </c>
      <c r="G24" s="1" t="s">
        <v>186</v>
      </c>
      <c r="J24" s="1" t="s">
        <v>320</v>
      </c>
      <c r="K24" s="1" t="s">
        <v>343</v>
      </c>
      <c r="L24" s="1" t="s">
        <v>344</v>
      </c>
      <c r="O24" s="1" t="s">
        <v>212</v>
      </c>
      <c r="P24" s="1" t="s">
        <v>38</v>
      </c>
      <c r="Q24" s="1" t="s">
        <v>168</v>
      </c>
      <c r="R24" s="1" t="s">
        <v>205</v>
      </c>
      <c r="S24" s="1" t="s">
        <v>40</v>
      </c>
      <c r="T24" s="1" t="s">
        <v>42</v>
      </c>
      <c r="U24" s="1">
        <v>7.9</v>
      </c>
      <c r="V24" s="1">
        <v>4900</v>
      </c>
      <c r="W24" s="1"/>
      <c r="X24" s="1">
        <v>10</v>
      </c>
      <c r="Y24" s="1">
        <v>0.52</v>
      </c>
      <c r="Z24" s="1">
        <v>3.6999999999999998E-2</v>
      </c>
      <c r="AA24" s="1"/>
      <c r="AB24" s="1"/>
      <c r="AC24" s="1" t="s">
        <v>671</v>
      </c>
      <c r="AD24" s="1" t="s">
        <v>672</v>
      </c>
      <c r="AE24" s="1" t="s">
        <v>677</v>
      </c>
      <c r="AF24" s="1" t="s">
        <v>674</v>
      </c>
      <c r="AG24" s="1">
        <v>1E-3</v>
      </c>
      <c r="AH24" s="1" t="s">
        <v>671</v>
      </c>
      <c r="AI24" s="1"/>
      <c r="AJ24" s="1"/>
      <c r="AK24" s="1" t="s">
        <v>678</v>
      </c>
      <c r="AL24" s="1" t="s">
        <v>678</v>
      </c>
      <c r="AM24" s="1" t="s">
        <v>678</v>
      </c>
      <c r="AN24" s="1" t="s">
        <v>678</v>
      </c>
      <c r="AO24" s="1" t="s">
        <v>678</v>
      </c>
      <c r="AP24" t="s">
        <v>678</v>
      </c>
      <c r="AQ24" s="1" t="s">
        <v>678</v>
      </c>
      <c r="AR24" s="1" t="s">
        <v>678</v>
      </c>
      <c r="AS24" s="1" t="s">
        <v>678</v>
      </c>
      <c r="AT24" s="1" t="s">
        <v>678</v>
      </c>
      <c r="AU24" s="1" t="s">
        <v>684</v>
      </c>
      <c r="AV24" s="1" t="s">
        <v>671</v>
      </c>
      <c r="AW24" s="1" t="s">
        <v>671</v>
      </c>
      <c r="AX24" s="1" t="s">
        <v>678</v>
      </c>
      <c r="AY24" s="1" t="s">
        <v>677</v>
      </c>
      <c r="AZ24" s="1"/>
      <c r="BA24" s="1"/>
      <c r="BB24" s="1">
        <v>0.36</v>
      </c>
      <c r="BC24" s="1">
        <v>6.8</v>
      </c>
      <c r="BD24" s="1">
        <v>7.1</v>
      </c>
      <c r="BE24" s="1" t="s">
        <v>674</v>
      </c>
      <c r="BF24" s="1" t="s">
        <v>674</v>
      </c>
      <c r="BG24" s="1">
        <v>8.0000000000000002E-3</v>
      </c>
      <c r="BH24" s="1">
        <v>0.03</v>
      </c>
      <c r="BI24" s="1">
        <v>0.04</v>
      </c>
      <c r="BJ24" s="1" t="s">
        <v>674</v>
      </c>
      <c r="BK24" s="1"/>
      <c r="BL24" s="1"/>
      <c r="BM24" s="1">
        <v>2.7</v>
      </c>
      <c r="BN24" s="1">
        <v>0.42</v>
      </c>
      <c r="BO24" s="1">
        <v>55</v>
      </c>
      <c r="BP24" s="1">
        <v>87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54166666666666663</v>
      </c>
      <c r="C25" s="1" t="s">
        <v>645</v>
      </c>
      <c r="D25" s="1" t="s">
        <v>27</v>
      </c>
      <c r="F25" s="1" t="s">
        <v>215</v>
      </c>
      <c r="G25" s="1" t="s">
        <v>345</v>
      </c>
      <c r="J25" s="1" t="s">
        <v>65</v>
      </c>
      <c r="K25" s="1" t="s">
        <v>346</v>
      </c>
      <c r="L25" s="1" t="s">
        <v>347</v>
      </c>
      <c r="O25" s="1" t="s">
        <v>212</v>
      </c>
      <c r="P25" s="1" t="s">
        <v>38</v>
      </c>
      <c r="Q25" s="1" t="s">
        <v>168</v>
      </c>
      <c r="R25" s="1" t="s">
        <v>161</v>
      </c>
      <c r="T25" s="1" t="s">
        <v>42</v>
      </c>
      <c r="U25" s="1">
        <v>7.6</v>
      </c>
      <c r="V25" s="1"/>
      <c r="W25" s="1"/>
      <c r="X25" s="1">
        <v>9.9</v>
      </c>
      <c r="Y25" s="1">
        <v>0.51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6</v>
      </c>
      <c r="B26" s="2">
        <v>0.3354166666666667</v>
      </c>
      <c r="C26" s="1" t="s">
        <v>645</v>
      </c>
      <c r="D26" s="1" t="s">
        <v>27</v>
      </c>
      <c r="F26" s="1" t="s">
        <v>274</v>
      </c>
      <c r="G26" s="1" t="s">
        <v>345</v>
      </c>
      <c r="J26" s="1" t="s">
        <v>327</v>
      </c>
      <c r="K26" s="1" t="s">
        <v>328</v>
      </c>
      <c r="L26" s="1" t="s">
        <v>271</v>
      </c>
      <c r="O26" s="1" t="s">
        <v>212</v>
      </c>
      <c r="P26" s="1" t="s">
        <v>38</v>
      </c>
      <c r="Q26" s="1" t="s">
        <v>231</v>
      </c>
      <c r="R26" s="1" t="s">
        <v>341</v>
      </c>
      <c r="S26" s="1" t="s">
        <v>224</v>
      </c>
      <c r="T26" s="1" t="s">
        <v>97</v>
      </c>
      <c r="U26" s="1">
        <v>7.9</v>
      </c>
      <c r="V26" s="1">
        <v>9400</v>
      </c>
      <c r="W26" s="1"/>
      <c r="X26" s="1">
        <v>6.3</v>
      </c>
      <c r="Y26" s="1">
        <v>0.53</v>
      </c>
      <c r="Z26" s="1">
        <v>3.2000000000000001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19</v>
      </c>
      <c r="BC26" s="1">
        <v>5.2</v>
      </c>
      <c r="BD26" s="1">
        <v>5.3</v>
      </c>
      <c r="BE26" s="1"/>
      <c r="BF26" s="1"/>
      <c r="BG26" s="1"/>
      <c r="BH26" s="1"/>
      <c r="BI26" s="1"/>
      <c r="BJ26" s="1"/>
      <c r="BK26" s="1"/>
      <c r="BL26" s="1"/>
      <c r="BM26" s="1">
        <v>0.9</v>
      </c>
      <c r="BN26" s="1">
        <v>0.46</v>
      </c>
      <c r="BO26" s="1">
        <v>33</v>
      </c>
      <c r="BP26" s="1">
        <v>34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4027777777777779</v>
      </c>
      <c r="C27" s="1" t="s">
        <v>645</v>
      </c>
      <c r="D27" s="1" t="s">
        <v>27</v>
      </c>
      <c r="F27" s="1" t="s">
        <v>348</v>
      </c>
      <c r="G27" s="1" t="s">
        <v>292</v>
      </c>
      <c r="J27" s="1" t="s">
        <v>327</v>
      </c>
      <c r="K27" s="1" t="s">
        <v>187</v>
      </c>
      <c r="L27" s="1" t="s">
        <v>68</v>
      </c>
      <c r="O27" s="1" t="s">
        <v>212</v>
      </c>
      <c r="P27" s="1" t="s">
        <v>38</v>
      </c>
      <c r="Q27" s="1" t="s">
        <v>195</v>
      </c>
      <c r="R27" s="1" t="s">
        <v>119</v>
      </c>
      <c r="T27" s="1" t="s">
        <v>206</v>
      </c>
      <c r="U27" s="1">
        <v>8.1999999999999993</v>
      </c>
      <c r="V27" s="1"/>
      <c r="W27" s="1"/>
      <c r="X27" s="1">
        <v>6</v>
      </c>
      <c r="Y27" s="1">
        <v>0.43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13" spans="21:21" x14ac:dyDescent="0.15">
      <c r="U513" s="1"/>
    </row>
    <row r="514" spans="21:21" x14ac:dyDescent="0.15">
      <c r="U514" s="1"/>
    </row>
    <row r="515" spans="21:21" x14ac:dyDescent="0.15">
      <c r="U515" s="1"/>
    </row>
    <row r="516" spans="21:21" x14ac:dyDescent="0.15">
      <c r="U516" s="1"/>
    </row>
    <row r="517" spans="21:21" x14ac:dyDescent="0.15">
      <c r="U517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30" spans="21:21" x14ac:dyDescent="0.15">
      <c r="U530" s="1"/>
    </row>
    <row r="531" spans="21:21" x14ac:dyDescent="0.15">
      <c r="U531" s="1"/>
    </row>
    <row r="532" spans="21:21" x14ac:dyDescent="0.15">
      <c r="U532" s="1"/>
    </row>
    <row r="533" spans="21:21" x14ac:dyDescent="0.15">
      <c r="U533" s="1"/>
    </row>
    <row r="534" spans="21:21" x14ac:dyDescent="0.15">
      <c r="U534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59" spans="21:21" x14ac:dyDescent="0.15">
      <c r="U559" s="1"/>
    </row>
    <row r="560" spans="21:21" x14ac:dyDescent="0.15">
      <c r="U560" s="1"/>
    </row>
    <row r="561" spans="21:21" x14ac:dyDescent="0.15">
      <c r="U561" s="1"/>
    </row>
    <row r="562" spans="21:21" x14ac:dyDescent="0.15">
      <c r="U562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  <row r="587" spans="21:21" x14ac:dyDescent="0.15">
      <c r="U587" s="1"/>
    </row>
    <row r="588" spans="21:21" x14ac:dyDescent="0.15">
      <c r="U588" s="1"/>
    </row>
    <row r="589" spans="21:21" x14ac:dyDescent="0.15">
      <c r="U589" s="1"/>
    </row>
    <row r="590" spans="21:21" x14ac:dyDescent="0.15">
      <c r="U590" s="1"/>
    </row>
    <row r="591" spans="21:21" x14ac:dyDescent="0.15">
      <c r="U591" s="1"/>
    </row>
    <row r="592" spans="21:21" x14ac:dyDescent="0.15">
      <c r="U592" s="1"/>
    </row>
    <row r="593" spans="21:21" x14ac:dyDescent="0.15">
      <c r="U593" s="1"/>
    </row>
    <row r="594" spans="21:21" x14ac:dyDescent="0.15">
      <c r="U594" s="1"/>
    </row>
    <row r="595" spans="21:21" x14ac:dyDescent="0.15">
      <c r="U595" s="1"/>
    </row>
    <row r="596" spans="21:21" x14ac:dyDescent="0.15">
      <c r="U596" s="1"/>
    </row>
    <row r="597" spans="21:21" x14ac:dyDescent="0.15">
      <c r="U597" s="1"/>
    </row>
    <row r="598" spans="21:21" x14ac:dyDescent="0.15">
      <c r="U598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86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34</v>
      </c>
      <c r="C1" s="1" t="s">
        <v>1</v>
      </c>
      <c r="D1" s="1" t="s">
        <v>650</v>
      </c>
      <c r="E1" s="1" t="s">
        <v>2</v>
      </c>
      <c r="F1" s="1" t="s">
        <v>649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700</v>
      </c>
      <c r="AB2" s="1" t="s">
        <v>708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4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5</v>
      </c>
      <c r="C4" s="1" t="s">
        <v>645</v>
      </c>
      <c r="D4" s="1" t="s">
        <v>27</v>
      </c>
      <c r="F4" s="1" t="s">
        <v>349</v>
      </c>
      <c r="G4" s="1" t="s">
        <v>267</v>
      </c>
      <c r="J4" s="1" t="s">
        <v>350</v>
      </c>
      <c r="K4" s="1" t="s">
        <v>257</v>
      </c>
      <c r="L4" s="1" t="s">
        <v>68</v>
      </c>
      <c r="O4" s="1" t="s">
        <v>212</v>
      </c>
      <c r="P4" s="1" t="s">
        <v>38</v>
      </c>
      <c r="Q4" s="1" t="s">
        <v>215</v>
      </c>
      <c r="R4" s="1" t="s">
        <v>104</v>
      </c>
      <c r="S4" s="1" t="s">
        <v>195</v>
      </c>
      <c r="T4" s="1" t="s">
        <v>72</v>
      </c>
      <c r="U4" s="1">
        <v>7.7</v>
      </c>
      <c r="V4" s="1">
        <v>2300</v>
      </c>
      <c r="W4" s="1"/>
      <c r="X4" s="1">
        <v>7.6</v>
      </c>
      <c r="Y4" s="1">
        <v>0.32</v>
      </c>
      <c r="Z4" s="1">
        <v>2.8000000000000001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33</v>
      </c>
      <c r="BC4" s="1">
        <v>5.2</v>
      </c>
      <c r="BD4" s="1">
        <v>5.5</v>
      </c>
      <c r="BE4" s="1"/>
      <c r="BF4" s="1"/>
      <c r="BG4" s="1"/>
      <c r="BH4" s="1"/>
      <c r="BI4" s="1"/>
      <c r="BJ4" s="1"/>
      <c r="BK4" s="1"/>
      <c r="BL4" s="1"/>
      <c r="BM4" s="1">
        <v>1.1000000000000001</v>
      </c>
      <c r="BN4" s="1">
        <v>0.25</v>
      </c>
      <c r="BO4" s="1">
        <v>230</v>
      </c>
      <c r="BP4" s="1">
        <v>57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53</v>
      </c>
      <c r="B5" s="2">
        <v>0.35416666666666669</v>
      </c>
      <c r="C5" s="1" t="s">
        <v>645</v>
      </c>
      <c r="D5" s="1" t="s">
        <v>54</v>
      </c>
      <c r="F5" s="1" t="s">
        <v>325</v>
      </c>
      <c r="G5" s="1" t="s">
        <v>122</v>
      </c>
      <c r="J5" s="1" t="s">
        <v>306</v>
      </c>
      <c r="K5" s="1" t="s">
        <v>147</v>
      </c>
      <c r="L5" s="1" t="s">
        <v>68</v>
      </c>
      <c r="O5" s="1" t="s">
        <v>212</v>
      </c>
      <c r="P5" s="1" t="s">
        <v>38</v>
      </c>
      <c r="Q5" s="1" t="s">
        <v>213</v>
      </c>
      <c r="R5" s="1" t="s">
        <v>125</v>
      </c>
      <c r="S5" s="1" t="s">
        <v>153</v>
      </c>
      <c r="T5" s="1" t="s">
        <v>119</v>
      </c>
      <c r="U5" s="1">
        <v>7.8</v>
      </c>
      <c r="V5" s="1">
        <v>1100000</v>
      </c>
      <c r="W5" s="1"/>
      <c r="X5" s="1">
        <v>5.0999999999999996</v>
      </c>
      <c r="Y5" s="1">
        <v>0.28999999999999998</v>
      </c>
      <c r="Z5" s="1">
        <v>2.3E-2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0.11</v>
      </c>
      <c r="BC5" s="1">
        <v>4.3</v>
      </c>
      <c r="BD5" s="1">
        <v>4.4000000000000004</v>
      </c>
      <c r="BE5" s="1"/>
      <c r="BF5" s="1"/>
      <c r="BG5" s="1"/>
      <c r="BH5" s="1"/>
      <c r="BI5" s="1"/>
      <c r="BJ5" s="1"/>
      <c r="BK5" s="1"/>
      <c r="BL5" s="1"/>
      <c r="BM5" s="1">
        <v>0.59</v>
      </c>
      <c r="BN5" s="1">
        <v>0.25</v>
      </c>
      <c r="BO5" s="1">
        <v>210</v>
      </c>
      <c r="BP5" s="1">
        <v>48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27</v>
      </c>
      <c r="B6" s="2">
        <v>9.0277777777777776E-2</v>
      </c>
      <c r="C6" s="1" t="s">
        <v>645</v>
      </c>
      <c r="D6" s="1" t="s">
        <v>27</v>
      </c>
      <c r="F6" s="1" t="s">
        <v>351</v>
      </c>
      <c r="G6" s="1" t="s">
        <v>315</v>
      </c>
      <c r="J6" s="1" t="s">
        <v>352</v>
      </c>
      <c r="K6" s="1" t="s">
        <v>177</v>
      </c>
      <c r="L6" s="1" t="s">
        <v>68</v>
      </c>
      <c r="O6" s="1" t="s">
        <v>212</v>
      </c>
      <c r="P6" s="1" t="s">
        <v>38</v>
      </c>
      <c r="Q6" s="1" t="s">
        <v>213</v>
      </c>
      <c r="R6" s="1" t="s">
        <v>131</v>
      </c>
      <c r="S6" s="1" t="s">
        <v>195</v>
      </c>
      <c r="T6" s="1" t="s">
        <v>72</v>
      </c>
      <c r="U6" s="1">
        <v>6.9</v>
      </c>
      <c r="V6" s="1">
        <v>1300</v>
      </c>
      <c r="W6" s="1"/>
      <c r="X6" s="1">
        <v>6</v>
      </c>
      <c r="Y6" s="1">
        <v>0.25</v>
      </c>
      <c r="Z6" s="1">
        <v>2.5999999999999999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37</v>
      </c>
      <c r="BC6" s="1">
        <v>4.4000000000000004</v>
      </c>
      <c r="BD6" s="1">
        <v>4.7</v>
      </c>
      <c r="BE6" s="1"/>
      <c r="BF6" s="1"/>
      <c r="BG6" s="1"/>
      <c r="BH6" s="1"/>
      <c r="BI6" s="1"/>
      <c r="BJ6" s="1"/>
      <c r="BK6" s="1"/>
      <c r="BL6" s="1"/>
      <c r="BM6" s="1">
        <v>1.2</v>
      </c>
      <c r="BN6" s="1">
        <v>0.2</v>
      </c>
      <c r="BO6" s="1">
        <v>370</v>
      </c>
      <c r="BP6" s="1">
        <v>95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8</v>
      </c>
      <c r="B7" s="2">
        <v>0.44444444444444442</v>
      </c>
      <c r="C7" s="1" t="s">
        <v>645</v>
      </c>
      <c r="D7" s="1" t="s">
        <v>27</v>
      </c>
      <c r="F7" s="1" t="s">
        <v>353</v>
      </c>
      <c r="G7" s="1" t="s">
        <v>354</v>
      </c>
      <c r="J7" s="1" t="s">
        <v>355</v>
      </c>
      <c r="K7" s="1" t="s">
        <v>185</v>
      </c>
      <c r="L7" s="1" t="s">
        <v>68</v>
      </c>
      <c r="O7" s="1" t="s">
        <v>212</v>
      </c>
      <c r="P7" s="1" t="s">
        <v>38</v>
      </c>
      <c r="Q7" s="1" t="s">
        <v>231</v>
      </c>
      <c r="R7" s="1" t="s">
        <v>131</v>
      </c>
      <c r="S7" s="1" t="s">
        <v>183</v>
      </c>
      <c r="T7" s="1" t="s">
        <v>119</v>
      </c>
      <c r="U7" s="1">
        <v>6.9</v>
      </c>
      <c r="V7" s="1">
        <v>490</v>
      </c>
      <c r="W7" s="1"/>
      <c r="X7" s="1">
        <v>6.3</v>
      </c>
      <c r="Y7" s="1">
        <v>0.2</v>
      </c>
      <c r="Z7" s="1">
        <v>2.5000000000000001E-2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45</v>
      </c>
      <c r="BC7" s="1">
        <v>4.3</v>
      </c>
      <c r="BD7" s="1">
        <v>4.7</v>
      </c>
      <c r="BE7" s="1"/>
      <c r="BF7" s="1"/>
      <c r="BG7" s="1"/>
      <c r="BH7" s="1"/>
      <c r="BI7" s="1"/>
      <c r="BJ7" s="1"/>
      <c r="BK7" s="1"/>
      <c r="BL7" s="1"/>
      <c r="BM7" s="1">
        <v>1.1000000000000001</v>
      </c>
      <c r="BN7" s="1">
        <v>0.17</v>
      </c>
      <c r="BO7" s="1">
        <v>210</v>
      </c>
      <c r="BP7" s="1">
        <v>49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44</v>
      </c>
      <c r="B8" s="2">
        <v>0.17708333333333334</v>
      </c>
      <c r="C8" s="1" t="s">
        <v>645</v>
      </c>
      <c r="D8" s="1" t="s">
        <v>27</v>
      </c>
      <c r="F8" s="1" t="s">
        <v>356</v>
      </c>
      <c r="G8" s="1" t="s">
        <v>98</v>
      </c>
      <c r="J8" s="1" t="s">
        <v>322</v>
      </c>
      <c r="K8" s="1" t="s">
        <v>62</v>
      </c>
      <c r="L8" s="1" t="s">
        <v>68</v>
      </c>
      <c r="O8" s="1" t="s">
        <v>212</v>
      </c>
      <c r="P8" s="1" t="s">
        <v>38</v>
      </c>
      <c r="Q8" s="1" t="s">
        <v>195</v>
      </c>
      <c r="R8" s="1" t="s">
        <v>129</v>
      </c>
      <c r="S8" s="1" t="s">
        <v>41</v>
      </c>
      <c r="T8" s="1" t="s">
        <v>62</v>
      </c>
      <c r="U8" s="1">
        <v>6.8</v>
      </c>
      <c r="V8" s="1">
        <v>130000</v>
      </c>
      <c r="W8" s="1"/>
      <c r="X8" s="1">
        <v>6.7</v>
      </c>
      <c r="Y8" s="1">
        <v>0.34</v>
      </c>
      <c r="Z8" s="1">
        <v>2.5000000000000001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47</v>
      </c>
      <c r="BC8" s="1">
        <v>5</v>
      </c>
      <c r="BD8" s="1">
        <v>5.4</v>
      </c>
      <c r="BE8" s="1"/>
      <c r="BF8" s="1"/>
      <c r="BG8" s="1"/>
      <c r="BH8" s="1"/>
      <c r="BI8" s="1"/>
      <c r="BJ8" s="1"/>
      <c r="BK8" s="1"/>
      <c r="BL8" s="1"/>
      <c r="BM8" s="1">
        <v>0.78</v>
      </c>
      <c r="BN8" s="1">
        <v>0.3</v>
      </c>
      <c r="BO8" s="1">
        <v>310</v>
      </c>
      <c r="BP8" s="1">
        <v>79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49</v>
      </c>
      <c r="B9" s="2">
        <v>0.25</v>
      </c>
      <c r="C9" s="1" t="s">
        <v>645</v>
      </c>
      <c r="D9" s="1" t="s">
        <v>27</v>
      </c>
      <c r="F9" s="1" t="s">
        <v>258</v>
      </c>
      <c r="G9" s="1" t="s">
        <v>229</v>
      </c>
      <c r="J9" s="1" t="s">
        <v>357</v>
      </c>
      <c r="K9" s="1" t="s">
        <v>358</v>
      </c>
      <c r="L9" s="1" t="s">
        <v>68</v>
      </c>
      <c r="O9" s="1" t="s">
        <v>212</v>
      </c>
      <c r="P9" s="1" t="s">
        <v>38</v>
      </c>
      <c r="Q9" s="1" t="s">
        <v>195</v>
      </c>
      <c r="R9" s="1" t="s">
        <v>104</v>
      </c>
      <c r="S9" s="1" t="s">
        <v>221</v>
      </c>
      <c r="T9" s="1" t="s">
        <v>72</v>
      </c>
      <c r="U9" s="1">
        <v>7.3</v>
      </c>
      <c r="V9" s="1">
        <v>11000</v>
      </c>
      <c r="W9" s="1"/>
      <c r="X9" s="1">
        <v>5</v>
      </c>
      <c r="Y9" s="1">
        <v>0.28000000000000003</v>
      </c>
      <c r="Z9" s="1">
        <v>2.5000000000000001E-2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14000000000000001</v>
      </c>
      <c r="BC9" s="1">
        <v>4.3</v>
      </c>
      <c r="BD9" s="1">
        <v>4.4000000000000004</v>
      </c>
      <c r="BE9" s="1"/>
      <c r="BF9" s="1"/>
      <c r="BG9" s="1"/>
      <c r="BH9" s="1"/>
      <c r="BI9" s="1"/>
      <c r="BJ9" s="1"/>
      <c r="BK9" s="1"/>
      <c r="BL9" s="1"/>
      <c r="BM9" s="1">
        <v>0.27</v>
      </c>
      <c r="BN9" s="1">
        <v>0.25</v>
      </c>
      <c r="BO9" s="1">
        <v>120</v>
      </c>
      <c r="BP9" s="1">
        <v>290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55</v>
      </c>
      <c r="B10" s="2">
        <v>2.7777777777777776E-2</v>
      </c>
      <c r="C10" s="1" t="s">
        <v>645</v>
      </c>
      <c r="D10" s="1" t="s">
        <v>27</v>
      </c>
      <c r="F10" s="1" t="s">
        <v>267</v>
      </c>
      <c r="G10" s="1" t="s">
        <v>149</v>
      </c>
      <c r="J10" s="1" t="s">
        <v>131</v>
      </c>
      <c r="K10" s="1" t="s">
        <v>42</v>
      </c>
      <c r="L10" s="1" t="s">
        <v>68</v>
      </c>
      <c r="O10" s="1" t="s">
        <v>212</v>
      </c>
      <c r="P10" s="1" t="s">
        <v>38</v>
      </c>
      <c r="Q10" s="1" t="s">
        <v>213</v>
      </c>
      <c r="R10" s="1" t="s">
        <v>226</v>
      </c>
      <c r="S10" s="1" t="s">
        <v>324</v>
      </c>
      <c r="T10" s="1" t="s">
        <v>119</v>
      </c>
      <c r="U10" s="1">
        <v>7</v>
      </c>
      <c r="V10" s="1">
        <v>4900</v>
      </c>
      <c r="W10" s="1"/>
      <c r="X10" s="1">
        <v>6.2</v>
      </c>
      <c r="Y10" s="1">
        <v>0.22</v>
      </c>
      <c r="Z10" s="1">
        <v>2.1999999999999999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4</v>
      </c>
      <c r="BC10" s="1">
        <v>5.0999999999999996</v>
      </c>
      <c r="BD10" s="1">
        <v>5.5</v>
      </c>
      <c r="BE10" s="1"/>
      <c r="BF10" s="1"/>
      <c r="BG10" s="1"/>
      <c r="BH10" s="1"/>
      <c r="BI10" s="1"/>
      <c r="BJ10" s="1"/>
      <c r="BK10" s="1"/>
      <c r="BL10" s="1"/>
      <c r="BM10" s="1">
        <v>0.45</v>
      </c>
      <c r="BN10" s="1">
        <v>0.18</v>
      </c>
      <c r="BO10" s="1">
        <v>310</v>
      </c>
      <c r="BP10" s="1">
        <v>88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60</v>
      </c>
      <c r="B11" s="2">
        <v>0.3263888888888889</v>
      </c>
      <c r="C11" s="1" t="s">
        <v>645</v>
      </c>
      <c r="D11" s="1" t="s">
        <v>27</v>
      </c>
      <c r="F11" s="1" t="s">
        <v>359</v>
      </c>
      <c r="G11" s="1" t="s">
        <v>359</v>
      </c>
      <c r="J11" s="1" t="s">
        <v>360</v>
      </c>
      <c r="K11" s="1" t="s">
        <v>361</v>
      </c>
      <c r="L11" s="1" t="s">
        <v>362</v>
      </c>
      <c r="O11" s="1" t="s">
        <v>332</v>
      </c>
      <c r="P11" s="1" t="s">
        <v>38</v>
      </c>
      <c r="Q11" s="1" t="s">
        <v>224</v>
      </c>
      <c r="R11" s="1" t="s">
        <v>341</v>
      </c>
      <c r="S11" s="1" t="s">
        <v>130</v>
      </c>
      <c r="T11" s="1" t="s">
        <v>213</v>
      </c>
      <c r="U11" s="1">
        <v>6.3</v>
      </c>
      <c r="V11" s="1">
        <v>790000</v>
      </c>
      <c r="W11" s="1"/>
      <c r="X11" s="1">
        <v>3.7</v>
      </c>
      <c r="Y11" s="1">
        <v>0.24</v>
      </c>
      <c r="Z11" s="1">
        <v>2.4E-2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13</v>
      </c>
      <c r="BC11" s="1">
        <v>2.2000000000000002</v>
      </c>
      <c r="BD11" s="1">
        <v>2.2999999999999998</v>
      </c>
      <c r="BE11" s="1"/>
      <c r="BF11" s="1"/>
      <c r="BG11" s="1"/>
      <c r="BH11" s="1"/>
      <c r="BI11" s="1"/>
      <c r="BJ11" s="1"/>
      <c r="BK11" s="1"/>
      <c r="BL11" s="1"/>
      <c r="BM11" s="1">
        <v>0.82</v>
      </c>
      <c r="BN11" s="1">
        <v>0.17</v>
      </c>
      <c r="BO11" s="1">
        <v>64</v>
      </c>
      <c r="BP11" s="1">
        <v>13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54</v>
      </c>
      <c r="B12" s="2">
        <v>0.3125</v>
      </c>
      <c r="C12" s="1" t="s">
        <v>645</v>
      </c>
      <c r="D12" s="1" t="s">
        <v>27</v>
      </c>
      <c r="F12" s="1" t="s">
        <v>267</v>
      </c>
      <c r="G12" s="1" t="s">
        <v>156</v>
      </c>
      <c r="J12" s="1" t="s">
        <v>360</v>
      </c>
      <c r="K12" s="1" t="s">
        <v>363</v>
      </c>
      <c r="L12" s="1" t="s">
        <v>68</v>
      </c>
      <c r="O12" s="1" t="s">
        <v>212</v>
      </c>
      <c r="P12" s="1" t="s">
        <v>38</v>
      </c>
      <c r="Q12" s="1" t="s">
        <v>231</v>
      </c>
      <c r="R12" s="1" t="s">
        <v>118</v>
      </c>
      <c r="S12" s="1" t="s">
        <v>190</v>
      </c>
      <c r="T12" s="1" t="s">
        <v>72</v>
      </c>
      <c r="U12" s="1">
        <v>6.3</v>
      </c>
      <c r="V12" s="1">
        <v>4900</v>
      </c>
      <c r="W12" s="1"/>
      <c r="X12" s="1">
        <v>7.7</v>
      </c>
      <c r="Y12" s="1">
        <v>0.26</v>
      </c>
      <c r="Z12" s="1">
        <v>2.4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4</v>
      </c>
      <c r="BC12" s="1">
        <v>5.9</v>
      </c>
      <c r="BD12" s="1">
        <v>6.3</v>
      </c>
      <c r="BE12" s="1"/>
      <c r="BF12" s="1"/>
      <c r="BG12" s="1"/>
      <c r="BH12" s="1"/>
      <c r="BI12" s="1"/>
      <c r="BJ12" s="1"/>
      <c r="BK12" s="1"/>
      <c r="BL12" s="1"/>
      <c r="BM12" s="1">
        <v>1.3</v>
      </c>
      <c r="BN12" s="1">
        <v>0.22</v>
      </c>
      <c r="BO12" s="1">
        <v>520</v>
      </c>
      <c r="BP12" s="1">
        <v>15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0</v>
      </c>
      <c r="B13" s="2">
        <v>0.4375</v>
      </c>
      <c r="C13" s="1" t="s">
        <v>645</v>
      </c>
      <c r="D13" s="1" t="s">
        <v>54</v>
      </c>
      <c r="F13" s="1" t="s">
        <v>333</v>
      </c>
      <c r="G13" s="1" t="s">
        <v>281</v>
      </c>
      <c r="J13" s="1" t="s">
        <v>109</v>
      </c>
      <c r="K13" s="1" t="s">
        <v>364</v>
      </c>
      <c r="L13" s="1" t="s">
        <v>68</v>
      </c>
      <c r="O13" s="1" t="s">
        <v>212</v>
      </c>
      <c r="P13" s="1" t="s">
        <v>38</v>
      </c>
      <c r="Q13" s="1" t="s">
        <v>231</v>
      </c>
      <c r="R13" s="1" t="s">
        <v>125</v>
      </c>
      <c r="S13" s="1" t="s">
        <v>195</v>
      </c>
      <c r="T13" s="1" t="s">
        <v>119</v>
      </c>
      <c r="U13" s="1">
        <v>7.9</v>
      </c>
      <c r="V13" s="1">
        <v>13000</v>
      </c>
      <c r="W13" s="1"/>
      <c r="X13" s="1">
        <v>8.9</v>
      </c>
      <c r="Y13" s="1">
        <v>0.25</v>
      </c>
      <c r="Z13" s="1">
        <v>2.8000000000000001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33</v>
      </c>
      <c r="BC13" s="1">
        <v>6.7</v>
      </c>
      <c r="BD13" s="1">
        <v>7</v>
      </c>
      <c r="BE13" s="1"/>
      <c r="BF13" s="1"/>
      <c r="BG13" s="1"/>
      <c r="BH13" s="1"/>
      <c r="BI13" s="1"/>
      <c r="BJ13" s="1"/>
      <c r="BK13" s="1"/>
      <c r="BL13" s="1"/>
      <c r="BM13" s="1">
        <v>1.8</v>
      </c>
      <c r="BN13" s="1">
        <v>0.2</v>
      </c>
      <c r="BO13" s="1">
        <v>760</v>
      </c>
      <c r="BP13" s="1">
        <v>230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84</v>
      </c>
      <c r="B14" s="2">
        <v>8.3333333333333329E-2</v>
      </c>
      <c r="C14" s="1" t="s">
        <v>645</v>
      </c>
      <c r="D14" s="1" t="s">
        <v>27</v>
      </c>
      <c r="F14" s="1" t="s">
        <v>278</v>
      </c>
      <c r="G14" s="1" t="s">
        <v>279</v>
      </c>
      <c r="J14" s="1" t="s">
        <v>340</v>
      </c>
      <c r="K14" s="1" t="s">
        <v>365</v>
      </c>
      <c r="L14" s="1" t="s">
        <v>68</v>
      </c>
      <c r="O14" s="1" t="s">
        <v>212</v>
      </c>
      <c r="P14" s="1" t="s">
        <v>38</v>
      </c>
      <c r="Q14" s="1" t="s">
        <v>168</v>
      </c>
      <c r="R14" s="1" t="s">
        <v>96</v>
      </c>
      <c r="S14" s="1" t="s">
        <v>49</v>
      </c>
      <c r="T14" s="1" t="s">
        <v>119</v>
      </c>
      <c r="U14" s="1">
        <v>7.8</v>
      </c>
      <c r="V14" s="1">
        <v>940</v>
      </c>
      <c r="W14" s="1"/>
      <c r="X14" s="1">
        <v>9.6999999999999993</v>
      </c>
      <c r="Y14" s="1">
        <v>0.45</v>
      </c>
      <c r="Z14" s="1">
        <v>3.3000000000000002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34</v>
      </c>
      <c r="BC14" s="1">
        <v>6.6</v>
      </c>
      <c r="BD14" s="1">
        <v>6.9</v>
      </c>
      <c r="BE14" s="1"/>
      <c r="BF14" s="1"/>
      <c r="BG14" s="1"/>
      <c r="BH14" s="1"/>
      <c r="BI14" s="1"/>
      <c r="BJ14" s="1"/>
      <c r="BK14" s="1"/>
      <c r="BL14" s="1"/>
      <c r="BM14" s="1">
        <v>2.6</v>
      </c>
      <c r="BN14" s="1">
        <v>0.37</v>
      </c>
      <c r="BO14" s="1">
        <v>420</v>
      </c>
      <c r="BP14" s="1">
        <v>15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6</v>
      </c>
      <c r="B15" s="2">
        <v>0.44444444444444442</v>
      </c>
      <c r="C15" s="1" t="s">
        <v>645</v>
      </c>
      <c r="D15" s="1" t="s">
        <v>27</v>
      </c>
      <c r="F15" s="1" t="s">
        <v>186</v>
      </c>
      <c r="G15" s="1" t="s">
        <v>366</v>
      </c>
      <c r="J15" s="1" t="s">
        <v>352</v>
      </c>
      <c r="K15" s="1" t="s">
        <v>177</v>
      </c>
      <c r="L15" s="1" t="s">
        <v>68</v>
      </c>
      <c r="O15" s="1" t="s">
        <v>212</v>
      </c>
      <c r="P15" s="1" t="s">
        <v>38</v>
      </c>
      <c r="Q15" s="1" t="s">
        <v>231</v>
      </c>
      <c r="R15" s="1" t="s">
        <v>313</v>
      </c>
      <c r="S15" s="1" t="s">
        <v>324</v>
      </c>
      <c r="T15" s="1" t="s">
        <v>42</v>
      </c>
      <c r="U15" s="1">
        <v>7.8</v>
      </c>
      <c r="V15" s="1">
        <v>23000</v>
      </c>
      <c r="W15" s="1"/>
      <c r="X15" s="1">
        <v>5.8</v>
      </c>
      <c r="Y15" s="1">
        <v>0.36</v>
      </c>
      <c r="Z15" s="1">
        <v>3.3000000000000002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0.12</v>
      </c>
      <c r="BC15" s="1">
        <v>4.8</v>
      </c>
      <c r="BD15" s="1">
        <v>4.9000000000000004</v>
      </c>
      <c r="BE15" s="1"/>
      <c r="BF15" s="1"/>
      <c r="BG15" s="1"/>
      <c r="BH15" s="1"/>
      <c r="BI15" s="1"/>
      <c r="BJ15" s="1"/>
      <c r="BK15" s="1"/>
      <c r="BL15" s="1"/>
      <c r="BM15" s="1">
        <v>0.67</v>
      </c>
      <c r="BN15" s="1">
        <v>0.31</v>
      </c>
      <c r="BO15" s="1">
        <v>310</v>
      </c>
      <c r="BP15" s="1">
        <v>98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8" spans="21:21" x14ac:dyDescent="0.15">
      <c r="U518" s="1"/>
    </row>
    <row r="519" spans="21:21" x14ac:dyDescent="0.15">
      <c r="U519" s="1"/>
    </row>
    <row r="520" spans="21:21" x14ac:dyDescent="0.15">
      <c r="U520" s="1"/>
    </row>
    <row r="521" spans="21:21" x14ac:dyDescent="0.15">
      <c r="U521" s="1"/>
    </row>
    <row r="522" spans="21:21" x14ac:dyDescent="0.15">
      <c r="U522" s="1"/>
    </row>
    <row r="523" spans="21:21" x14ac:dyDescent="0.15">
      <c r="U523" s="1"/>
    </row>
    <row r="524" spans="21:21" x14ac:dyDescent="0.15">
      <c r="U524" s="1"/>
    </row>
    <row r="525" spans="21:21" x14ac:dyDescent="0.15">
      <c r="U525" s="1"/>
    </row>
    <row r="526" spans="21:21" x14ac:dyDescent="0.15">
      <c r="U526" s="1"/>
    </row>
    <row r="527" spans="21:21" x14ac:dyDescent="0.15">
      <c r="U527" s="1"/>
    </row>
    <row r="528" spans="21:21" x14ac:dyDescent="0.15">
      <c r="U528" s="1"/>
    </row>
    <row r="529" spans="21:21" x14ac:dyDescent="0.15">
      <c r="U529" s="1"/>
    </row>
    <row r="530" spans="21:21" x14ac:dyDescent="0.15">
      <c r="U530" s="1"/>
    </row>
    <row r="535" spans="21:21" x14ac:dyDescent="0.15">
      <c r="U535" s="1"/>
    </row>
    <row r="536" spans="21:21" x14ac:dyDescent="0.15">
      <c r="U536" s="1"/>
    </row>
    <row r="537" spans="21:21" x14ac:dyDescent="0.15">
      <c r="U537" s="1"/>
    </row>
    <row r="538" spans="21:21" x14ac:dyDescent="0.15">
      <c r="U538" s="1"/>
    </row>
    <row r="539" spans="21:21" x14ac:dyDescent="0.15">
      <c r="U539" s="1"/>
    </row>
    <row r="540" spans="21:21" x14ac:dyDescent="0.15">
      <c r="U540" s="1"/>
    </row>
    <row r="541" spans="21:21" x14ac:dyDescent="0.15">
      <c r="U541" s="1"/>
    </row>
    <row r="542" spans="21:21" x14ac:dyDescent="0.15">
      <c r="U542" s="1"/>
    </row>
    <row r="543" spans="21:21" x14ac:dyDescent="0.15">
      <c r="U543" s="1"/>
    </row>
    <row r="544" spans="21:21" x14ac:dyDescent="0.15">
      <c r="U544" s="1"/>
    </row>
    <row r="545" spans="21:21" x14ac:dyDescent="0.15">
      <c r="U545" s="1"/>
    </row>
    <row r="546" spans="21:21" x14ac:dyDescent="0.15">
      <c r="U546" s="1"/>
    </row>
    <row r="547" spans="21:21" x14ac:dyDescent="0.15">
      <c r="U547" s="1"/>
    </row>
    <row r="548" spans="21:21" x14ac:dyDescent="0.15">
      <c r="U548" s="1"/>
    </row>
    <row r="549" spans="21:21" x14ac:dyDescent="0.15">
      <c r="U549" s="1"/>
    </row>
    <row r="550" spans="21:21" x14ac:dyDescent="0.15">
      <c r="U550" s="1"/>
    </row>
    <row r="551" spans="21:21" x14ac:dyDescent="0.15">
      <c r="U551" s="1"/>
    </row>
    <row r="552" spans="21:21" x14ac:dyDescent="0.15">
      <c r="U552" s="1"/>
    </row>
    <row r="553" spans="21:21" x14ac:dyDescent="0.15">
      <c r="U553" s="1"/>
    </row>
    <row r="554" spans="21:21" x14ac:dyDescent="0.15">
      <c r="U554" s="1"/>
    </row>
    <row r="555" spans="21:21" x14ac:dyDescent="0.15">
      <c r="U555" s="1"/>
    </row>
    <row r="556" spans="21:21" x14ac:dyDescent="0.15">
      <c r="U556" s="1"/>
    </row>
    <row r="557" spans="21:21" x14ac:dyDescent="0.15">
      <c r="U557" s="1"/>
    </row>
    <row r="558" spans="21:21" x14ac:dyDescent="0.15">
      <c r="U558" s="1"/>
    </row>
    <row r="563" spans="21:21" x14ac:dyDescent="0.15">
      <c r="U563" s="1"/>
    </row>
    <row r="564" spans="21:21" x14ac:dyDescent="0.15">
      <c r="U564" s="1"/>
    </row>
    <row r="565" spans="21:21" x14ac:dyDescent="0.15">
      <c r="U565" s="1"/>
    </row>
    <row r="566" spans="21:21" x14ac:dyDescent="0.15">
      <c r="U566" s="1"/>
    </row>
    <row r="567" spans="21:21" x14ac:dyDescent="0.15">
      <c r="U567" s="1"/>
    </row>
    <row r="568" spans="21:21" x14ac:dyDescent="0.15">
      <c r="U568" s="1"/>
    </row>
    <row r="569" spans="21:21" x14ac:dyDescent="0.15">
      <c r="U569" s="1"/>
    </row>
    <row r="570" spans="21:21" x14ac:dyDescent="0.15">
      <c r="U570" s="1"/>
    </row>
    <row r="571" spans="21:21" x14ac:dyDescent="0.15">
      <c r="U571" s="1"/>
    </row>
    <row r="572" spans="21:21" x14ac:dyDescent="0.15">
      <c r="U572" s="1"/>
    </row>
    <row r="573" spans="21:21" x14ac:dyDescent="0.15">
      <c r="U573" s="1"/>
    </row>
    <row r="574" spans="21:21" x14ac:dyDescent="0.15">
      <c r="U574" s="1"/>
    </row>
    <row r="575" spans="21:21" x14ac:dyDescent="0.15">
      <c r="U575" s="1"/>
    </row>
    <row r="576" spans="21:21" x14ac:dyDescent="0.15">
      <c r="U576" s="1"/>
    </row>
    <row r="577" spans="21:21" x14ac:dyDescent="0.15">
      <c r="U577" s="1"/>
    </row>
    <row r="578" spans="21:21" x14ac:dyDescent="0.15">
      <c r="U578" s="1"/>
    </row>
    <row r="579" spans="21:21" x14ac:dyDescent="0.15">
      <c r="U579" s="1"/>
    </row>
    <row r="580" spans="21:21" x14ac:dyDescent="0.15">
      <c r="U580" s="1"/>
    </row>
    <row r="581" spans="21:21" x14ac:dyDescent="0.15">
      <c r="U581" s="1"/>
    </row>
    <row r="582" spans="21:21" x14ac:dyDescent="0.15">
      <c r="U582" s="1"/>
    </row>
    <row r="583" spans="21:21" x14ac:dyDescent="0.15">
      <c r="U583" s="1"/>
    </row>
    <row r="584" spans="21:21" x14ac:dyDescent="0.15">
      <c r="U584" s="1"/>
    </row>
    <row r="585" spans="21:21" x14ac:dyDescent="0.15">
      <c r="U585" s="1"/>
    </row>
    <row r="586" spans="21:21" x14ac:dyDescent="0.15">
      <c r="U586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02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34</v>
      </c>
      <c r="C1" s="1" t="s">
        <v>1</v>
      </c>
      <c r="D1" s="1" t="s">
        <v>651</v>
      </c>
      <c r="E1" s="1" t="s">
        <v>2</v>
      </c>
      <c r="F1" s="1" t="s">
        <v>649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9</v>
      </c>
      <c r="AB2" s="1" t="s">
        <v>708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16527777777777777</v>
      </c>
      <c r="C4" s="1" t="s">
        <v>645</v>
      </c>
      <c r="D4" s="1" t="s">
        <v>27</v>
      </c>
      <c r="F4" s="1" t="s">
        <v>349</v>
      </c>
      <c r="G4" s="1" t="s">
        <v>30</v>
      </c>
      <c r="J4" s="1" t="s">
        <v>85</v>
      </c>
      <c r="K4" s="1" t="s">
        <v>324</v>
      </c>
      <c r="L4" s="1" t="s">
        <v>68</v>
      </c>
      <c r="O4" s="1" t="s">
        <v>212</v>
      </c>
      <c r="P4" s="1" t="s">
        <v>38</v>
      </c>
      <c r="Q4" s="1" t="s">
        <v>215</v>
      </c>
      <c r="R4" s="1" t="s">
        <v>367</v>
      </c>
      <c r="S4" s="1" t="s">
        <v>183</v>
      </c>
      <c r="T4" s="1" t="s">
        <v>42</v>
      </c>
      <c r="U4" s="1">
        <v>8.5</v>
      </c>
      <c r="V4" s="1">
        <v>4900</v>
      </c>
      <c r="W4" s="1"/>
      <c r="X4" s="1">
        <v>7</v>
      </c>
      <c r="Y4" s="1">
        <v>0.33</v>
      </c>
      <c r="Z4" s="1">
        <v>2.5000000000000001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28000000000000003</v>
      </c>
      <c r="BC4" s="1">
        <v>4.4000000000000004</v>
      </c>
      <c r="BD4" s="1">
        <v>4.5999999999999996</v>
      </c>
      <c r="BE4" s="1"/>
      <c r="BF4" s="1"/>
      <c r="BG4" s="1"/>
      <c r="BH4" s="1"/>
      <c r="BI4" s="1"/>
      <c r="BJ4" s="1"/>
      <c r="BK4" s="1"/>
      <c r="BL4" s="1"/>
      <c r="BM4" s="1">
        <v>1.3</v>
      </c>
      <c r="BN4" s="1">
        <v>0.27</v>
      </c>
      <c r="BO4" s="1">
        <v>970</v>
      </c>
      <c r="BP4" s="1">
        <v>280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66805555555555562</v>
      </c>
      <c r="C5" s="1" t="s">
        <v>645</v>
      </c>
      <c r="D5" s="1" t="s">
        <v>27</v>
      </c>
      <c r="F5" s="1" t="s">
        <v>368</v>
      </c>
      <c r="G5" s="1" t="s">
        <v>369</v>
      </c>
      <c r="J5" s="1" t="s">
        <v>370</v>
      </c>
      <c r="K5" s="1" t="s">
        <v>371</v>
      </c>
      <c r="L5" s="1" t="s">
        <v>68</v>
      </c>
      <c r="O5" s="1" t="s">
        <v>212</v>
      </c>
      <c r="P5" s="1" t="s">
        <v>38</v>
      </c>
      <c r="Q5" s="1" t="s">
        <v>168</v>
      </c>
      <c r="R5" s="1" t="s">
        <v>131</v>
      </c>
      <c r="T5" s="1" t="s">
        <v>62</v>
      </c>
      <c r="U5" s="1">
        <v>8.1</v>
      </c>
      <c r="V5" s="1"/>
      <c r="W5" s="1"/>
      <c r="X5" s="1">
        <v>6.6</v>
      </c>
      <c r="Y5" s="1">
        <v>0.28999999999999998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3125</v>
      </c>
      <c r="C6" s="1" t="s">
        <v>645</v>
      </c>
      <c r="D6" s="1" t="s">
        <v>54</v>
      </c>
      <c r="F6" s="1" t="s">
        <v>321</v>
      </c>
      <c r="G6" s="1" t="s">
        <v>250</v>
      </c>
      <c r="J6" s="1" t="s">
        <v>372</v>
      </c>
      <c r="K6" s="1" t="s">
        <v>373</v>
      </c>
      <c r="L6" s="1" t="s">
        <v>68</v>
      </c>
      <c r="O6" s="1" t="s">
        <v>212</v>
      </c>
      <c r="P6" s="1" t="s">
        <v>38</v>
      </c>
      <c r="Q6" s="1" t="s">
        <v>112</v>
      </c>
      <c r="R6" s="1" t="s">
        <v>374</v>
      </c>
      <c r="S6" s="1" t="s">
        <v>280</v>
      </c>
      <c r="T6" s="1" t="s">
        <v>62</v>
      </c>
      <c r="U6" s="1">
        <v>7.2</v>
      </c>
      <c r="V6" s="1">
        <v>13000</v>
      </c>
      <c r="W6" s="1"/>
      <c r="X6" s="1">
        <v>4.9000000000000004</v>
      </c>
      <c r="Y6" s="1">
        <v>0.27</v>
      </c>
      <c r="Z6" s="1">
        <v>2.1999999999999999E-2</v>
      </c>
      <c r="AA6" s="1" t="s">
        <v>710</v>
      </c>
      <c r="AB6" s="1" t="s">
        <v>684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8.7999999999999995E-2</v>
      </c>
      <c r="BC6" s="1">
        <v>4</v>
      </c>
      <c r="BD6" s="1">
        <v>4</v>
      </c>
      <c r="BE6" s="1"/>
      <c r="BF6" s="1"/>
      <c r="BG6" s="1"/>
      <c r="BH6" s="1"/>
      <c r="BI6" s="1"/>
      <c r="BJ6" s="1"/>
      <c r="BK6" s="1"/>
      <c r="BL6" s="1"/>
      <c r="BM6" s="1">
        <v>0.49</v>
      </c>
      <c r="BN6" s="1">
        <v>0.23</v>
      </c>
      <c r="BO6" s="1">
        <v>900</v>
      </c>
      <c r="BP6" s="1">
        <v>22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1597222222222221</v>
      </c>
      <c r="C7" s="1" t="s">
        <v>645</v>
      </c>
      <c r="D7" s="1" t="s">
        <v>54</v>
      </c>
      <c r="F7" s="1" t="s">
        <v>356</v>
      </c>
      <c r="G7" s="1" t="s">
        <v>250</v>
      </c>
      <c r="J7" s="1" t="s">
        <v>152</v>
      </c>
      <c r="K7" s="1" t="s">
        <v>333</v>
      </c>
      <c r="L7" s="1" t="s">
        <v>68</v>
      </c>
      <c r="O7" s="1" t="s">
        <v>212</v>
      </c>
      <c r="P7" s="1" t="s">
        <v>38</v>
      </c>
      <c r="Q7" s="1" t="s">
        <v>168</v>
      </c>
      <c r="R7" s="1" t="s">
        <v>131</v>
      </c>
      <c r="T7" s="1" t="s">
        <v>97</v>
      </c>
      <c r="U7" s="1">
        <v>7.6</v>
      </c>
      <c r="V7" s="1"/>
      <c r="W7" s="1"/>
      <c r="X7" s="1">
        <v>2</v>
      </c>
      <c r="Y7" s="1">
        <v>0.15</v>
      </c>
      <c r="Z7" s="1"/>
      <c r="AA7" s="1" t="s">
        <v>711</v>
      </c>
      <c r="AB7" s="1" t="s">
        <v>711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27</v>
      </c>
      <c r="B8" s="2">
        <v>1.3888888888888889E-3</v>
      </c>
      <c r="C8" s="1" t="s">
        <v>645</v>
      </c>
      <c r="D8" s="1" t="s">
        <v>27</v>
      </c>
      <c r="F8" s="1" t="s">
        <v>356</v>
      </c>
      <c r="G8" s="1" t="s">
        <v>325</v>
      </c>
      <c r="J8" s="1" t="s">
        <v>375</v>
      </c>
      <c r="K8" s="1" t="s">
        <v>61</v>
      </c>
      <c r="L8" s="1" t="s">
        <v>68</v>
      </c>
      <c r="O8" s="1" t="s">
        <v>212</v>
      </c>
      <c r="P8" s="1" t="s">
        <v>38</v>
      </c>
      <c r="Q8" s="1" t="s">
        <v>231</v>
      </c>
      <c r="R8" s="1" t="s">
        <v>367</v>
      </c>
      <c r="S8" s="1" t="s">
        <v>126</v>
      </c>
      <c r="T8" s="1" t="s">
        <v>42</v>
      </c>
      <c r="U8" s="1">
        <v>9.9</v>
      </c>
      <c r="V8" s="1">
        <v>1400</v>
      </c>
      <c r="W8" s="1"/>
      <c r="X8" s="1">
        <v>4.7</v>
      </c>
      <c r="Y8" s="1">
        <v>0.21</v>
      </c>
      <c r="Z8" s="1">
        <v>1.7999999999999999E-2</v>
      </c>
      <c r="AA8" s="1" t="s">
        <v>711</v>
      </c>
      <c r="AB8" s="1" t="s">
        <v>711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27</v>
      </c>
      <c r="BC8" s="1">
        <v>3.4</v>
      </c>
      <c r="BD8" s="1">
        <v>3.6</v>
      </c>
      <c r="BE8" s="1"/>
      <c r="BF8" s="1"/>
      <c r="BG8" s="1"/>
      <c r="BH8" s="1"/>
      <c r="BI8" s="1"/>
      <c r="BJ8" s="1"/>
      <c r="BK8" s="1"/>
      <c r="BL8" s="1"/>
      <c r="BM8" s="1">
        <v>1</v>
      </c>
      <c r="BN8" s="1">
        <v>0.17</v>
      </c>
      <c r="BO8" s="1">
        <v>1300</v>
      </c>
      <c r="BP8" s="1">
        <v>420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50347222222222221</v>
      </c>
      <c r="C9" s="1" t="s">
        <v>645</v>
      </c>
      <c r="D9" s="1" t="s">
        <v>232</v>
      </c>
      <c r="F9" s="1" t="s">
        <v>376</v>
      </c>
      <c r="G9" s="1" t="s">
        <v>356</v>
      </c>
      <c r="J9" s="1" t="s">
        <v>299</v>
      </c>
      <c r="K9" s="1" t="s">
        <v>377</v>
      </c>
      <c r="L9" s="1" t="s">
        <v>68</v>
      </c>
      <c r="O9" s="1" t="s">
        <v>212</v>
      </c>
      <c r="P9" s="1" t="s">
        <v>38</v>
      </c>
      <c r="Q9" s="1" t="s">
        <v>231</v>
      </c>
      <c r="R9" s="1" t="s">
        <v>118</v>
      </c>
      <c r="T9" s="1" t="s">
        <v>62</v>
      </c>
      <c r="U9" s="1">
        <v>5.4</v>
      </c>
      <c r="V9" s="1"/>
      <c r="W9" s="1"/>
      <c r="X9" s="1">
        <v>5.7</v>
      </c>
      <c r="Y9" s="1">
        <v>0.25</v>
      </c>
      <c r="Z9" s="1"/>
      <c r="AA9" s="1" t="s">
        <v>711</v>
      </c>
      <c r="AB9" s="1" t="s">
        <v>711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35416666666666669</v>
      </c>
      <c r="C10" s="1" t="s">
        <v>645</v>
      </c>
      <c r="D10" s="1" t="s">
        <v>27</v>
      </c>
      <c r="F10" s="1" t="s">
        <v>378</v>
      </c>
      <c r="G10" s="1" t="s">
        <v>379</v>
      </c>
      <c r="J10" s="1" t="s">
        <v>187</v>
      </c>
      <c r="K10" s="1" t="s">
        <v>380</v>
      </c>
      <c r="L10" s="1" t="s">
        <v>68</v>
      </c>
      <c r="O10" s="1" t="s">
        <v>212</v>
      </c>
      <c r="P10" s="1" t="s">
        <v>38</v>
      </c>
      <c r="Q10" s="1" t="s">
        <v>231</v>
      </c>
      <c r="R10" s="1" t="s">
        <v>381</v>
      </c>
      <c r="S10" s="1" t="s">
        <v>112</v>
      </c>
      <c r="T10" s="1" t="s">
        <v>42</v>
      </c>
      <c r="U10" s="1">
        <v>7.1</v>
      </c>
      <c r="V10" s="1">
        <v>460</v>
      </c>
      <c r="W10" s="1"/>
      <c r="X10" s="1">
        <v>5.3</v>
      </c>
      <c r="Y10" s="1">
        <v>0.24</v>
      </c>
      <c r="Z10" s="1">
        <v>0.02</v>
      </c>
      <c r="AA10" s="1" t="s">
        <v>711</v>
      </c>
      <c r="AB10" s="1" t="s">
        <v>711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34</v>
      </c>
      <c r="BC10" s="1">
        <v>3.6</v>
      </c>
      <c r="BD10" s="1">
        <v>3.9</v>
      </c>
      <c r="BE10" s="1"/>
      <c r="BF10" s="1"/>
      <c r="BG10" s="1"/>
      <c r="BH10" s="1"/>
      <c r="BI10" s="1"/>
      <c r="BJ10" s="1"/>
      <c r="BK10" s="1"/>
      <c r="BL10" s="1"/>
      <c r="BM10" s="1">
        <v>1.3</v>
      </c>
      <c r="BN10" s="1">
        <v>0.17</v>
      </c>
      <c r="BO10" s="1">
        <v>1000</v>
      </c>
      <c r="BP10" s="1">
        <v>28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8888888888888884</v>
      </c>
      <c r="C11" s="1" t="s">
        <v>645</v>
      </c>
      <c r="D11" s="1" t="s">
        <v>27</v>
      </c>
      <c r="F11" s="1" t="s">
        <v>314</v>
      </c>
      <c r="G11" s="1" t="s">
        <v>382</v>
      </c>
      <c r="J11" s="1" t="s">
        <v>383</v>
      </c>
      <c r="K11" s="1" t="s">
        <v>190</v>
      </c>
      <c r="L11" s="1" t="s">
        <v>384</v>
      </c>
      <c r="O11" s="1" t="s">
        <v>212</v>
      </c>
      <c r="P11" s="1" t="s">
        <v>38</v>
      </c>
      <c r="Q11" s="1" t="s">
        <v>80</v>
      </c>
      <c r="R11" s="1" t="s">
        <v>385</v>
      </c>
      <c r="T11" s="1" t="s">
        <v>162</v>
      </c>
      <c r="U11" s="1">
        <v>7.2</v>
      </c>
      <c r="V11" s="1"/>
      <c r="W11" s="1"/>
      <c r="X11" s="1">
        <v>2.8</v>
      </c>
      <c r="Y11" s="1">
        <v>0.15</v>
      </c>
      <c r="Z11" s="1"/>
      <c r="AA11" s="1" t="s">
        <v>711</v>
      </c>
      <c r="AB11" s="1" t="s">
        <v>711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244</v>
      </c>
      <c r="B12" s="2">
        <v>3.4722222222222224E-2</v>
      </c>
      <c r="C12" s="1" t="s">
        <v>645</v>
      </c>
      <c r="D12" s="1" t="s">
        <v>54</v>
      </c>
      <c r="F12" s="1" t="s">
        <v>98</v>
      </c>
      <c r="G12" s="1" t="s">
        <v>315</v>
      </c>
      <c r="J12" s="1" t="s">
        <v>180</v>
      </c>
      <c r="K12" s="1" t="s">
        <v>386</v>
      </c>
      <c r="L12" s="1" t="s">
        <v>68</v>
      </c>
      <c r="O12" s="1" t="s">
        <v>212</v>
      </c>
      <c r="P12" s="1" t="s">
        <v>38</v>
      </c>
      <c r="Q12" s="1" t="s">
        <v>215</v>
      </c>
      <c r="R12" s="1" t="s">
        <v>322</v>
      </c>
      <c r="S12" s="1" t="s">
        <v>190</v>
      </c>
      <c r="T12" s="1" t="s">
        <v>42</v>
      </c>
      <c r="U12" s="1">
        <v>9.3000000000000007</v>
      </c>
      <c r="V12" s="1">
        <v>460</v>
      </c>
      <c r="W12" s="1"/>
      <c r="X12" s="1">
        <v>5.8</v>
      </c>
      <c r="Y12" s="1">
        <v>0.27</v>
      </c>
      <c r="Z12" s="1">
        <v>1.9E-2</v>
      </c>
      <c r="AA12" s="1" t="s">
        <v>712</v>
      </c>
      <c r="AB12" s="1" t="s">
        <v>684</v>
      </c>
      <c r="AC12" s="1" t="s">
        <v>671</v>
      </c>
      <c r="AD12" s="1" t="s">
        <v>672</v>
      </c>
      <c r="AE12" s="1" t="s">
        <v>677</v>
      </c>
      <c r="AF12" s="1" t="s">
        <v>674</v>
      </c>
      <c r="AG12" s="1" t="s">
        <v>677</v>
      </c>
      <c r="AH12" s="1" t="s">
        <v>671</v>
      </c>
      <c r="AI12" s="1"/>
      <c r="AJ12" s="1" t="s">
        <v>671</v>
      </c>
      <c r="AK12" s="1" t="s">
        <v>678</v>
      </c>
      <c r="AL12" s="1" t="s">
        <v>678</v>
      </c>
      <c r="AM12" s="1" t="s">
        <v>678</v>
      </c>
      <c r="AN12" s="1" t="s">
        <v>678</v>
      </c>
      <c r="AO12" s="1" t="s">
        <v>678</v>
      </c>
      <c r="AP12" t="s">
        <v>678</v>
      </c>
      <c r="AQ12" s="1" t="s">
        <v>678</v>
      </c>
      <c r="AR12" s="1" t="s">
        <v>678</v>
      </c>
      <c r="AS12" s="1" t="s">
        <v>678</v>
      </c>
      <c r="AT12" s="1" t="s">
        <v>678</v>
      </c>
      <c r="AU12" s="1" t="s">
        <v>684</v>
      </c>
      <c r="AV12" s="1" t="s">
        <v>671</v>
      </c>
      <c r="AW12" s="1" t="s">
        <v>671</v>
      </c>
      <c r="AX12" s="1" t="s">
        <v>678</v>
      </c>
      <c r="AY12" s="1" t="s">
        <v>677</v>
      </c>
      <c r="AZ12" s="1"/>
      <c r="BA12" s="1"/>
      <c r="BB12" s="1">
        <v>0.23</v>
      </c>
      <c r="BC12" s="1">
        <v>4.8</v>
      </c>
      <c r="BD12" s="1">
        <v>5</v>
      </c>
      <c r="BE12" s="1" t="s">
        <v>674</v>
      </c>
      <c r="BF12" s="1" t="s">
        <v>674</v>
      </c>
      <c r="BG12" s="1">
        <v>4.0000000000000001E-3</v>
      </c>
      <c r="BH12" s="1" t="s">
        <v>673</v>
      </c>
      <c r="BI12" s="1" t="s">
        <v>673</v>
      </c>
      <c r="BJ12" s="1" t="s">
        <v>674</v>
      </c>
      <c r="BK12" s="1" t="s">
        <v>684</v>
      </c>
      <c r="BL12" s="1">
        <v>2E-3</v>
      </c>
      <c r="BM12" s="1">
        <v>0.28999999999999998</v>
      </c>
      <c r="BN12" s="1">
        <v>0.22</v>
      </c>
      <c r="BO12" s="1">
        <v>890</v>
      </c>
      <c r="BP12" s="1">
        <v>25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60069444444444442</v>
      </c>
      <c r="C13" s="1" t="s">
        <v>645</v>
      </c>
      <c r="D13" s="1" t="s">
        <v>27</v>
      </c>
      <c r="F13" s="1" t="s">
        <v>387</v>
      </c>
      <c r="G13" s="1" t="s">
        <v>99</v>
      </c>
      <c r="J13" s="1" t="s">
        <v>372</v>
      </c>
      <c r="K13" s="1" t="s">
        <v>388</v>
      </c>
      <c r="L13" s="1" t="s">
        <v>389</v>
      </c>
      <c r="O13" s="1" t="s">
        <v>212</v>
      </c>
      <c r="P13" s="1" t="s">
        <v>38</v>
      </c>
      <c r="Q13" s="1" t="s">
        <v>168</v>
      </c>
      <c r="R13" s="1" t="s">
        <v>111</v>
      </c>
      <c r="T13" s="1" t="s">
        <v>42</v>
      </c>
      <c r="U13" s="1">
        <v>10</v>
      </c>
      <c r="V13" s="1"/>
      <c r="W13" s="1"/>
      <c r="X13" s="1">
        <v>6.1</v>
      </c>
      <c r="Y13" s="1">
        <v>0.33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249</v>
      </c>
      <c r="B14" s="2">
        <v>0.16874999999999998</v>
      </c>
      <c r="C14" s="1" t="s">
        <v>645</v>
      </c>
      <c r="D14" s="1" t="s">
        <v>27</v>
      </c>
      <c r="F14" s="1" t="s">
        <v>390</v>
      </c>
      <c r="G14" s="1" t="s">
        <v>356</v>
      </c>
      <c r="J14" s="1" t="s">
        <v>372</v>
      </c>
      <c r="K14" s="1" t="s">
        <v>388</v>
      </c>
      <c r="L14" s="1" t="s">
        <v>68</v>
      </c>
      <c r="O14" s="1" t="s">
        <v>212</v>
      </c>
      <c r="P14" s="1" t="s">
        <v>38</v>
      </c>
      <c r="Q14" s="1" t="s">
        <v>195</v>
      </c>
      <c r="R14" s="1" t="s">
        <v>226</v>
      </c>
      <c r="S14" s="1" t="s">
        <v>142</v>
      </c>
      <c r="T14" s="1" t="s">
        <v>72</v>
      </c>
      <c r="U14" s="1">
        <v>6.3</v>
      </c>
      <c r="V14" s="1">
        <v>7000</v>
      </c>
      <c r="W14" s="1"/>
      <c r="X14" s="1">
        <v>4.4000000000000004</v>
      </c>
      <c r="Y14" s="1">
        <v>0.34</v>
      </c>
      <c r="Z14" s="1">
        <v>1.6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16</v>
      </c>
      <c r="BC14" s="1">
        <v>3.5</v>
      </c>
      <c r="BD14" s="1">
        <v>3.6</v>
      </c>
      <c r="BE14" s="1"/>
      <c r="BF14" s="1"/>
      <c r="BG14" s="1"/>
      <c r="BH14" s="1"/>
      <c r="BI14" s="1"/>
      <c r="BJ14" s="1"/>
      <c r="BK14" s="1"/>
      <c r="BL14" s="1"/>
      <c r="BM14" s="1">
        <v>0.55000000000000004</v>
      </c>
      <c r="BN14" s="1">
        <v>0.28999999999999998</v>
      </c>
      <c r="BO14" s="1">
        <v>420</v>
      </c>
      <c r="BP14" s="1">
        <v>11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1250000000000002</v>
      </c>
      <c r="C15" s="1" t="s">
        <v>645</v>
      </c>
      <c r="D15" s="1" t="s">
        <v>232</v>
      </c>
      <c r="F15" s="1" t="s">
        <v>262</v>
      </c>
      <c r="G15" s="1" t="s">
        <v>242</v>
      </c>
      <c r="J15" s="1" t="s">
        <v>391</v>
      </c>
      <c r="K15" s="1" t="s">
        <v>290</v>
      </c>
      <c r="L15" s="1" t="s">
        <v>68</v>
      </c>
      <c r="O15" s="1" t="s">
        <v>212</v>
      </c>
      <c r="P15" s="1" t="s">
        <v>38</v>
      </c>
      <c r="Q15" s="1" t="s">
        <v>80</v>
      </c>
      <c r="R15" s="1" t="s">
        <v>125</v>
      </c>
      <c r="T15" s="1" t="s">
        <v>213</v>
      </c>
      <c r="U15" s="1">
        <v>6.6</v>
      </c>
      <c r="V15" s="1"/>
      <c r="W15" s="1"/>
      <c r="X15" s="1">
        <v>3.3</v>
      </c>
      <c r="Y15" s="1">
        <v>0.18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255</v>
      </c>
      <c r="B16" s="2">
        <v>1.3888888888888889E-3</v>
      </c>
      <c r="C16" s="1" t="s">
        <v>645</v>
      </c>
      <c r="D16" s="1" t="s">
        <v>27</v>
      </c>
      <c r="F16" s="1" t="s">
        <v>156</v>
      </c>
      <c r="G16" s="1" t="s">
        <v>390</v>
      </c>
      <c r="J16" s="1" t="s">
        <v>367</v>
      </c>
      <c r="K16" s="1" t="s">
        <v>206</v>
      </c>
      <c r="L16" s="1" t="s">
        <v>68</v>
      </c>
      <c r="O16" s="1" t="s">
        <v>212</v>
      </c>
      <c r="P16" s="1" t="s">
        <v>38</v>
      </c>
      <c r="Q16" s="1" t="s">
        <v>213</v>
      </c>
      <c r="R16" s="1" t="s">
        <v>374</v>
      </c>
      <c r="S16" s="1" t="s">
        <v>161</v>
      </c>
      <c r="T16" s="1" t="s">
        <v>119</v>
      </c>
      <c r="U16" s="1">
        <v>6.2</v>
      </c>
      <c r="V16" s="1">
        <v>3300</v>
      </c>
      <c r="W16" s="1"/>
      <c r="X16" s="1">
        <v>5.6</v>
      </c>
      <c r="Y16" s="1">
        <v>0.26</v>
      </c>
      <c r="Z16" s="1">
        <v>0.0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25</v>
      </c>
      <c r="BC16" s="1">
        <v>4.5999999999999996</v>
      </c>
      <c r="BD16" s="1">
        <v>4.8</v>
      </c>
      <c r="BE16" s="1"/>
      <c r="BF16" s="1"/>
      <c r="BG16" s="1"/>
      <c r="BH16" s="1"/>
      <c r="BI16" s="1"/>
      <c r="BJ16" s="1"/>
      <c r="BK16" s="1"/>
      <c r="BL16" s="1"/>
      <c r="BM16" s="1">
        <v>0.52</v>
      </c>
      <c r="BN16" s="1">
        <v>0.23</v>
      </c>
      <c r="BO16" s="1">
        <v>850</v>
      </c>
      <c r="BP16" s="1">
        <v>260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52361111111111114</v>
      </c>
      <c r="C17" s="1" t="s">
        <v>645</v>
      </c>
      <c r="D17" s="1" t="s">
        <v>54</v>
      </c>
      <c r="F17" s="1" t="s">
        <v>319</v>
      </c>
      <c r="G17" s="1" t="s">
        <v>356</v>
      </c>
      <c r="J17" s="1" t="s">
        <v>392</v>
      </c>
      <c r="K17" s="1" t="s">
        <v>393</v>
      </c>
      <c r="L17" s="1" t="s">
        <v>68</v>
      </c>
      <c r="O17" s="1" t="s">
        <v>212</v>
      </c>
      <c r="P17" s="1" t="s">
        <v>38</v>
      </c>
      <c r="Q17" s="1" t="s">
        <v>168</v>
      </c>
      <c r="R17" s="1" t="s">
        <v>367</v>
      </c>
      <c r="T17" s="1" t="s">
        <v>279</v>
      </c>
      <c r="U17" s="1">
        <v>4.7</v>
      </c>
      <c r="V17" s="1"/>
      <c r="W17" s="1"/>
      <c r="X17" s="1">
        <v>2.2000000000000002</v>
      </c>
      <c r="Y17" s="1">
        <v>0.12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260</v>
      </c>
      <c r="B18" s="2">
        <v>0.22569444444444445</v>
      </c>
      <c r="C18" s="1" t="s">
        <v>645</v>
      </c>
      <c r="D18" s="1" t="s">
        <v>27</v>
      </c>
      <c r="F18" s="1" t="s">
        <v>394</v>
      </c>
      <c r="G18" s="1" t="s">
        <v>43</v>
      </c>
      <c r="J18" s="1" t="s">
        <v>395</v>
      </c>
      <c r="K18" s="1" t="s">
        <v>138</v>
      </c>
      <c r="L18" s="1" t="s">
        <v>396</v>
      </c>
      <c r="O18" s="1" t="s">
        <v>212</v>
      </c>
      <c r="P18" s="1" t="s">
        <v>38</v>
      </c>
      <c r="Q18" s="1" t="s">
        <v>224</v>
      </c>
      <c r="R18" s="1" t="s">
        <v>182</v>
      </c>
      <c r="S18" s="1" t="s">
        <v>71</v>
      </c>
      <c r="T18" s="1" t="s">
        <v>206</v>
      </c>
      <c r="U18" s="1">
        <v>5.2</v>
      </c>
      <c r="V18" s="1">
        <v>1300000</v>
      </c>
      <c r="W18" s="1"/>
      <c r="X18" s="1">
        <v>3.6</v>
      </c>
      <c r="Y18" s="1">
        <v>0.24</v>
      </c>
      <c r="Z18" s="1">
        <v>2.5999999999999999E-2</v>
      </c>
      <c r="AA18" s="1" t="s">
        <v>713</v>
      </c>
      <c r="AB18" s="1" t="s">
        <v>684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15</v>
      </c>
      <c r="BC18" s="1">
        <v>1.8</v>
      </c>
      <c r="BD18" s="1">
        <v>1.9</v>
      </c>
      <c r="BE18" s="1"/>
      <c r="BF18" s="1"/>
      <c r="BG18" s="1"/>
      <c r="BH18" s="1"/>
      <c r="BI18" s="1"/>
      <c r="BJ18" s="1"/>
      <c r="BK18" s="1"/>
      <c r="BL18" s="1"/>
      <c r="BM18" s="1">
        <v>1.2</v>
      </c>
      <c r="BN18" s="1">
        <v>0.19</v>
      </c>
      <c r="BO18" s="1">
        <v>780</v>
      </c>
      <c r="BP18" s="1">
        <v>24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2916666666666663</v>
      </c>
      <c r="C19" s="1" t="s">
        <v>645</v>
      </c>
      <c r="D19" s="1" t="s">
        <v>27</v>
      </c>
      <c r="F19" s="1" t="s">
        <v>208</v>
      </c>
      <c r="G19" s="1" t="s">
        <v>339</v>
      </c>
      <c r="J19" s="1" t="s">
        <v>152</v>
      </c>
      <c r="K19" s="1" t="s">
        <v>333</v>
      </c>
      <c r="L19" s="1" t="s">
        <v>68</v>
      </c>
      <c r="O19" s="1" t="s">
        <v>212</v>
      </c>
      <c r="P19" s="1" t="s">
        <v>38</v>
      </c>
      <c r="Q19" s="1" t="s">
        <v>224</v>
      </c>
      <c r="R19" s="1" t="s">
        <v>111</v>
      </c>
      <c r="T19" s="1" t="s">
        <v>119</v>
      </c>
      <c r="U19" s="1">
        <v>5.7</v>
      </c>
      <c r="V19" s="1"/>
      <c r="W19" s="1"/>
      <c r="X19" s="1">
        <v>3.5</v>
      </c>
      <c r="Y19" s="1">
        <v>0.22</v>
      </c>
      <c r="Z19" s="1"/>
      <c r="AA19" s="1" t="s">
        <v>711</v>
      </c>
      <c r="AB19" s="1" t="s">
        <v>711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4</v>
      </c>
      <c r="B20" s="2">
        <v>0.22222222222222221</v>
      </c>
      <c r="C20" s="1" t="s">
        <v>645</v>
      </c>
      <c r="D20" s="1" t="s">
        <v>27</v>
      </c>
      <c r="F20" s="1" t="s">
        <v>397</v>
      </c>
      <c r="G20" s="1" t="s">
        <v>398</v>
      </c>
      <c r="J20" s="1" t="s">
        <v>399</v>
      </c>
      <c r="K20" s="1" t="s">
        <v>183</v>
      </c>
      <c r="L20" s="1" t="s">
        <v>68</v>
      </c>
      <c r="O20" s="1" t="s">
        <v>212</v>
      </c>
      <c r="P20" s="1" t="s">
        <v>38</v>
      </c>
      <c r="Q20" s="1" t="s">
        <v>231</v>
      </c>
      <c r="R20" s="1" t="s">
        <v>306</v>
      </c>
      <c r="S20" s="1" t="s">
        <v>61</v>
      </c>
      <c r="T20" s="1" t="s">
        <v>119</v>
      </c>
      <c r="U20" s="1">
        <v>6.9</v>
      </c>
      <c r="V20" s="1">
        <v>2200</v>
      </c>
      <c r="W20" s="1"/>
      <c r="X20" s="1">
        <v>6.9</v>
      </c>
      <c r="Y20" s="1">
        <v>0.26</v>
      </c>
      <c r="Z20" s="1">
        <v>2.3E-2</v>
      </c>
      <c r="AA20" s="1" t="s">
        <v>711</v>
      </c>
      <c r="AB20" s="1" t="s">
        <v>711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33</v>
      </c>
      <c r="BC20" s="1">
        <v>4.8</v>
      </c>
      <c r="BD20" s="1">
        <v>5.0999999999999996</v>
      </c>
      <c r="BE20" s="1"/>
      <c r="BF20" s="1"/>
      <c r="BG20" s="1"/>
      <c r="BH20" s="1"/>
      <c r="BI20" s="1"/>
      <c r="BJ20" s="1"/>
      <c r="BK20" s="1"/>
      <c r="BL20" s="1"/>
      <c r="BM20" s="1">
        <v>1.7</v>
      </c>
      <c r="BN20" s="1">
        <v>0.23</v>
      </c>
      <c r="BO20" s="1">
        <v>1300</v>
      </c>
      <c r="BP20" s="1">
        <v>340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2916666666666663</v>
      </c>
      <c r="C21" s="1" t="s">
        <v>645</v>
      </c>
      <c r="D21" s="1" t="s">
        <v>27</v>
      </c>
      <c r="F21" s="1" t="s">
        <v>262</v>
      </c>
      <c r="G21" s="1" t="s">
        <v>398</v>
      </c>
      <c r="J21" s="1" t="s">
        <v>391</v>
      </c>
      <c r="K21" s="1" t="s">
        <v>400</v>
      </c>
      <c r="L21" s="1" t="s">
        <v>68</v>
      </c>
      <c r="O21" s="1" t="s">
        <v>212</v>
      </c>
      <c r="P21" s="1" t="s">
        <v>38</v>
      </c>
      <c r="Q21" s="1" t="s">
        <v>231</v>
      </c>
      <c r="R21" s="1" t="s">
        <v>401</v>
      </c>
      <c r="T21" s="1" t="s">
        <v>119</v>
      </c>
      <c r="U21" s="1">
        <v>6.6</v>
      </c>
      <c r="V21" s="1"/>
      <c r="W21" s="1"/>
      <c r="X21" s="1">
        <v>6.7</v>
      </c>
      <c r="Y21" s="1">
        <v>0.23</v>
      </c>
      <c r="Z21" s="1"/>
      <c r="AA21" s="1" t="s">
        <v>711</v>
      </c>
      <c r="AB21" s="1" t="s">
        <v>71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0</v>
      </c>
      <c r="B22" s="2">
        <v>0.34027777777777773</v>
      </c>
      <c r="C22" s="1" t="s">
        <v>645</v>
      </c>
      <c r="D22" s="1" t="s">
        <v>54</v>
      </c>
      <c r="F22" s="1" t="s">
        <v>273</v>
      </c>
      <c r="G22" s="1" t="s">
        <v>402</v>
      </c>
      <c r="J22" s="1" t="s">
        <v>328</v>
      </c>
      <c r="K22" s="1" t="s">
        <v>403</v>
      </c>
      <c r="L22" s="1" t="s">
        <v>68</v>
      </c>
      <c r="O22" s="1" t="s">
        <v>212</v>
      </c>
      <c r="P22" s="1" t="s">
        <v>38</v>
      </c>
      <c r="Q22" s="1" t="s">
        <v>231</v>
      </c>
      <c r="R22" s="1" t="s">
        <v>131</v>
      </c>
      <c r="S22" s="1" t="s">
        <v>341</v>
      </c>
      <c r="T22" s="1" t="s">
        <v>42</v>
      </c>
      <c r="U22" s="1">
        <v>8.3000000000000007</v>
      </c>
      <c r="V22" s="1">
        <v>170</v>
      </c>
      <c r="W22" s="1"/>
      <c r="X22" s="1">
        <v>6.4</v>
      </c>
      <c r="Y22" s="1">
        <v>0.22</v>
      </c>
      <c r="Z22" s="1">
        <v>1.9E-2</v>
      </c>
      <c r="AA22" s="1" t="s">
        <v>711</v>
      </c>
      <c r="AB22" s="1" t="s">
        <v>711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24</v>
      </c>
      <c r="BC22" s="1">
        <v>4.4000000000000004</v>
      </c>
      <c r="BD22" s="1">
        <v>4.5999999999999996</v>
      </c>
      <c r="BE22" s="1"/>
      <c r="BF22" s="1"/>
      <c r="BG22" s="1"/>
      <c r="BH22" s="1"/>
      <c r="BI22" s="1"/>
      <c r="BJ22" s="1"/>
      <c r="BK22" s="1"/>
      <c r="BL22" s="1"/>
      <c r="BM22" s="1">
        <v>1.6</v>
      </c>
      <c r="BN22" s="1">
        <v>0.17</v>
      </c>
      <c r="BO22" s="1">
        <v>2500</v>
      </c>
      <c r="BP22" s="1">
        <v>800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84027777777777779</v>
      </c>
      <c r="C23" s="1" t="s">
        <v>645</v>
      </c>
      <c r="D23" s="1" t="s">
        <v>54</v>
      </c>
      <c r="F23" s="1" t="s">
        <v>153</v>
      </c>
      <c r="G23" s="1" t="s">
        <v>404</v>
      </c>
      <c r="J23" s="1" t="s">
        <v>375</v>
      </c>
      <c r="K23" s="1" t="s">
        <v>61</v>
      </c>
      <c r="L23" s="1" t="s">
        <v>68</v>
      </c>
      <c r="O23" s="1" t="s">
        <v>212</v>
      </c>
      <c r="P23" s="1" t="s">
        <v>38</v>
      </c>
      <c r="Q23" s="1" t="s">
        <v>213</v>
      </c>
      <c r="R23" s="1" t="s">
        <v>322</v>
      </c>
      <c r="T23" s="1" t="s">
        <v>119</v>
      </c>
      <c r="U23" s="1">
        <v>7.6</v>
      </c>
      <c r="V23" s="1"/>
      <c r="W23" s="1"/>
      <c r="X23" s="1">
        <v>5.7</v>
      </c>
      <c r="Y23" s="1">
        <v>0.2</v>
      </c>
      <c r="Z23" s="1"/>
      <c r="AA23" s="1" t="s">
        <v>711</v>
      </c>
      <c r="AB23" s="1" t="s">
        <v>711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4</v>
      </c>
      <c r="B24" s="2">
        <v>6.9444444444444447E-4</v>
      </c>
      <c r="C24" s="1" t="s">
        <v>645</v>
      </c>
      <c r="D24" s="1" t="s">
        <v>27</v>
      </c>
      <c r="F24" s="1" t="s">
        <v>42</v>
      </c>
      <c r="G24" s="1" t="s">
        <v>405</v>
      </c>
      <c r="J24" s="1" t="s">
        <v>367</v>
      </c>
      <c r="K24" s="1" t="s">
        <v>206</v>
      </c>
      <c r="L24" s="1" t="s">
        <v>68</v>
      </c>
      <c r="O24" s="1" t="s">
        <v>212</v>
      </c>
      <c r="P24" s="1" t="s">
        <v>38</v>
      </c>
      <c r="Q24" s="1" t="s">
        <v>168</v>
      </c>
      <c r="R24" s="1" t="s">
        <v>131</v>
      </c>
      <c r="S24" s="1" t="s">
        <v>324</v>
      </c>
      <c r="T24" s="1" t="s">
        <v>119</v>
      </c>
      <c r="U24" s="1">
        <v>7.8</v>
      </c>
      <c r="V24" s="1">
        <v>4900</v>
      </c>
      <c r="W24" s="1"/>
      <c r="X24" s="1">
        <v>7.7</v>
      </c>
      <c r="Y24" s="1">
        <v>0.49</v>
      </c>
      <c r="Z24" s="1">
        <v>2.7E-2</v>
      </c>
      <c r="AA24" s="1" t="s">
        <v>713</v>
      </c>
      <c r="AB24" s="1" t="s">
        <v>684</v>
      </c>
      <c r="AC24" s="1" t="s">
        <v>671</v>
      </c>
      <c r="AD24" s="1" t="s">
        <v>672</v>
      </c>
      <c r="AE24" s="1" t="s">
        <v>677</v>
      </c>
      <c r="AF24" s="1" t="s">
        <v>674</v>
      </c>
      <c r="AG24" s="1" t="s">
        <v>677</v>
      </c>
      <c r="AH24" s="1" t="s">
        <v>671</v>
      </c>
      <c r="AI24" s="1"/>
      <c r="AJ24" s="1"/>
      <c r="AK24" s="1" t="s">
        <v>678</v>
      </c>
      <c r="AL24" s="1" t="s">
        <v>678</v>
      </c>
      <c r="AM24" s="1" t="s">
        <v>678</v>
      </c>
      <c r="AN24" s="1" t="s">
        <v>678</v>
      </c>
      <c r="AO24" s="1" t="s">
        <v>678</v>
      </c>
      <c r="AP24" t="s">
        <v>678</v>
      </c>
      <c r="AQ24" s="1" t="s">
        <v>678</v>
      </c>
      <c r="AR24" s="1" t="s">
        <v>678</v>
      </c>
      <c r="AS24" s="1" t="s">
        <v>678</v>
      </c>
      <c r="AT24" s="1" t="s">
        <v>678</v>
      </c>
      <c r="AU24" s="1" t="s">
        <v>684</v>
      </c>
      <c r="AV24" s="1" t="s">
        <v>671</v>
      </c>
      <c r="AW24" s="1" t="s">
        <v>671</v>
      </c>
      <c r="AX24" s="1" t="s">
        <v>678</v>
      </c>
      <c r="AY24" s="1" t="s">
        <v>677</v>
      </c>
      <c r="AZ24" s="1"/>
      <c r="BA24" s="1"/>
      <c r="BB24" s="1">
        <v>0.22</v>
      </c>
      <c r="BC24" s="1">
        <v>4.9000000000000004</v>
      </c>
      <c r="BD24" s="1">
        <v>5.0999999999999996</v>
      </c>
      <c r="BE24" s="1" t="s">
        <v>674</v>
      </c>
      <c r="BF24" s="1" t="s">
        <v>674</v>
      </c>
      <c r="BG24" s="1">
        <v>5.0000000000000001E-3</v>
      </c>
      <c r="BH24" s="1">
        <v>0.04</v>
      </c>
      <c r="BI24" s="1">
        <v>0.06</v>
      </c>
      <c r="BJ24" s="1" t="s">
        <v>674</v>
      </c>
      <c r="BK24" s="1"/>
      <c r="BL24" s="1"/>
      <c r="BM24" s="1">
        <v>1.8</v>
      </c>
      <c r="BN24" s="1">
        <v>0.41</v>
      </c>
      <c r="BO24" s="1">
        <v>1500</v>
      </c>
      <c r="BP24" s="1">
        <v>54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5180555555555556</v>
      </c>
      <c r="C25" s="1" t="s">
        <v>645</v>
      </c>
      <c r="D25" s="1" t="s">
        <v>27</v>
      </c>
      <c r="F25" s="1" t="s">
        <v>82</v>
      </c>
      <c r="G25" s="1" t="s">
        <v>406</v>
      </c>
      <c r="J25" s="1" t="s">
        <v>372</v>
      </c>
      <c r="K25" s="1" t="s">
        <v>407</v>
      </c>
      <c r="L25" s="1" t="s">
        <v>408</v>
      </c>
      <c r="O25" s="1" t="s">
        <v>212</v>
      </c>
      <c r="P25" s="1" t="s">
        <v>38</v>
      </c>
      <c r="Q25" s="1" t="s">
        <v>168</v>
      </c>
      <c r="R25" s="1" t="s">
        <v>306</v>
      </c>
      <c r="T25" s="1" t="s">
        <v>119</v>
      </c>
      <c r="U25" s="1">
        <v>7.8</v>
      </c>
      <c r="V25" s="1"/>
      <c r="W25" s="1"/>
      <c r="X25" s="1">
        <v>7</v>
      </c>
      <c r="Y25" s="1">
        <v>0.38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6</v>
      </c>
      <c r="B26" s="2">
        <v>0.30208333333333331</v>
      </c>
      <c r="C26" s="1" t="s">
        <v>645</v>
      </c>
      <c r="D26" s="1" t="s">
        <v>27</v>
      </c>
      <c r="F26" s="1" t="s">
        <v>409</v>
      </c>
      <c r="G26" s="1" t="s">
        <v>410</v>
      </c>
      <c r="J26" s="1" t="s">
        <v>187</v>
      </c>
      <c r="K26" s="1" t="s">
        <v>380</v>
      </c>
      <c r="L26" s="1" t="s">
        <v>102</v>
      </c>
      <c r="O26" s="1" t="s">
        <v>212</v>
      </c>
      <c r="P26" s="1" t="s">
        <v>38</v>
      </c>
      <c r="Q26" s="1" t="s">
        <v>231</v>
      </c>
      <c r="R26" s="1" t="s">
        <v>125</v>
      </c>
      <c r="S26" s="1" t="s">
        <v>411</v>
      </c>
      <c r="T26" s="1" t="s">
        <v>42</v>
      </c>
      <c r="U26" s="1">
        <v>8.1999999999999993</v>
      </c>
      <c r="V26" s="1">
        <v>13000</v>
      </c>
      <c r="W26" s="1"/>
      <c r="X26" s="1">
        <v>4.0999999999999996</v>
      </c>
      <c r="Y26" s="1">
        <v>0.23</v>
      </c>
      <c r="Z26" s="1">
        <v>2.4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11</v>
      </c>
      <c r="BC26" s="1">
        <v>3.1</v>
      </c>
      <c r="BD26" s="1">
        <v>3.2</v>
      </c>
      <c r="BE26" s="1"/>
      <c r="BF26" s="1"/>
      <c r="BG26" s="1"/>
      <c r="BH26" s="1"/>
      <c r="BI26" s="1"/>
      <c r="BJ26" s="1"/>
      <c r="BK26" s="1"/>
      <c r="BL26" s="1"/>
      <c r="BM26" s="1">
        <v>0.82</v>
      </c>
      <c r="BN26" s="1">
        <v>0.18</v>
      </c>
      <c r="BO26" s="1">
        <v>1000</v>
      </c>
      <c r="BP26" s="1">
        <v>360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80208333333333337</v>
      </c>
      <c r="C27" s="1" t="s">
        <v>645</v>
      </c>
      <c r="D27" s="1" t="s">
        <v>27</v>
      </c>
      <c r="F27" s="1" t="s">
        <v>412</v>
      </c>
      <c r="G27" s="1" t="s">
        <v>207</v>
      </c>
      <c r="J27" s="1" t="s">
        <v>152</v>
      </c>
      <c r="K27" s="1" t="s">
        <v>333</v>
      </c>
      <c r="L27" s="1" t="s">
        <v>68</v>
      </c>
      <c r="O27" s="1" t="s">
        <v>212</v>
      </c>
      <c r="P27" s="1" t="s">
        <v>38</v>
      </c>
      <c r="Q27" s="1" t="s">
        <v>231</v>
      </c>
      <c r="R27" s="1" t="s">
        <v>118</v>
      </c>
      <c r="T27" s="1" t="s">
        <v>206</v>
      </c>
      <c r="U27" s="1">
        <v>7.7</v>
      </c>
      <c r="V27" s="1"/>
      <c r="W27" s="1"/>
      <c r="X27" s="1">
        <v>4.0999999999999996</v>
      </c>
      <c r="Y27" s="1">
        <v>0.27</v>
      </c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1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52</v>
      </c>
      <c r="C1" s="1" t="s">
        <v>1</v>
      </c>
      <c r="D1" s="1" t="s">
        <v>653</v>
      </c>
      <c r="E1" s="1" t="s">
        <v>2</v>
      </c>
      <c r="F1" s="1" t="s">
        <v>636</v>
      </c>
      <c r="G1" s="1" t="s">
        <v>3</v>
      </c>
      <c r="H1" s="1" t="s">
        <v>63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8</v>
      </c>
      <c r="AB2" s="1" t="s">
        <v>705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3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9166666666666669</v>
      </c>
      <c r="C4" s="1" t="s">
        <v>645</v>
      </c>
      <c r="D4" s="1" t="s">
        <v>27</v>
      </c>
      <c r="E4" s="1" t="s">
        <v>28</v>
      </c>
      <c r="F4" s="1" t="s">
        <v>329</v>
      </c>
      <c r="G4" s="1" t="s">
        <v>144</v>
      </c>
      <c r="H4" s="1" t="s">
        <v>413</v>
      </c>
      <c r="I4" s="1" t="s">
        <v>93</v>
      </c>
      <c r="J4" s="1" t="s">
        <v>33</v>
      </c>
      <c r="K4" s="1" t="s">
        <v>204</v>
      </c>
      <c r="L4" s="1" t="s">
        <v>414</v>
      </c>
      <c r="N4" s="1" t="s">
        <v>36</v>
      </c>
      <c r="O4" s="1" t="s">
        <v>37</v>
      </c>
      <c r="P4" s="1" t="s">
        <v>38</v>
      </c>
      <c r="Q4" s="1" t="s">
        <v>39</v>
      </c>
      <c r="R4" s="1" t="s">
        <v>162</v>
      </c>
      <c r="S4" s="1" t="s">
        <v>49</v>
      </c>
      <c r="T4" s="1" t="s">
        <v>62</v>
      </c>
      <c r="U4" s="1">
        <v>6.9</v>
      </c>
      <c r="V4" s="3">
        <v>1100</v>
      </c>
      <c r="W4" s="1"/>
      <c r="X4" s="1">
        <v>8.6999999999999993</v>
      </c>
      <c r="Y4" s="1">
        <v>0.23</v>
      </c>
      <c r="Z4" s="1">
        <v>2.7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86</v>
      </c>
      <c r="BC4" s="1">
        <v>3.7</v>
      </c>
      <c r="BD4" s="1">
        <v>4.5</v>
      </c>
      <c r="BE4" s="1"/>
      <c r="BF4" s="1"/>
      <c r="BG4" s="1"/>
      <c r="BH4" s="1"/>
      <c r="BI4" s="1"/>
      <c r="BJ4" s="1"/>
      <c r="BK4" s="1"/>
      <c r="BL4" s="1"/>
      <c r="BM4" s="1">
        <v>2.7</v>
      </c>
      <c r="BN4" s="1">
        <v>0.2</v>
      </c>
      <c r="BO4" s="1">
        <v>40</v>
      </c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79166666666666663</v>
      </c>
      <c r="C5" s="1" t="s">
        <v>645</v>
      </c>
      <c r="D5" s="1" t="s">
        <v>27</v>
      </c>
      <c r="E5" s="1" t="s">
        <v>28</v>
      </c>
      <c r="F5" s="1" t="s">
        <v>145</v>
      </c>
      <c r="G5" s="1" t="s">
        <v>217</v>
      </c>
      <c r="H5" s="1" t="s">
        <v>413</v>
      </c>
      <c r="I5" s="1" t="s">
        <v>357</v>
      </c>
      <c r="J5" s="1" t="s">
        <v>33</v>
      </c>
      <c r="K5" s="1" t="s">
        <v>415</v>
      </c>
      <c r="L5" s="1" t="s">
        <v>416</v>
      </c>
      <c r="N5" s="1" t="s">
        <v>36</v>
      </c>
      <c r="O5" s="1" t="s">
        <v>417</v>
      </c>
      <c r="P5" s="1" t="s">
        <v>38</v>
      </c>
      <c r="Q5" s="1" t="s">
        <v>80</v>
      </c>
      <c r="R5" s="1" t="s">
        <v>418</v>
      </c>
      <c r="S5" s="1" t="s">
        <v>190</v>
      </c>
      <c r="T5" s="1" t="s">
        <v>162</v>
      </c>
      <c r="U5" s="1">
        <v>6.8</v>
      </c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1</v>
      </c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3</v>
      </c>
      <c r="B6" s="2">
        <v>0.29166666666666669</v>
      </c>
      <c r="C6" s="1" t="s">
        <v>645</v>
      </c>
      <c r="D6" s="1" t="s">
        <v>54</v>
      </c>
      <c r="E6" s="1" t="s">
        <v>28</v>
      </c>
      <c r="F6" s="1" t="s">
        <v>55</v>
      </c>
      <c r="G6" s="1" t="s">
        <v>419</v>
      </c>
      <c r="H6" s="1" t="s">
        <v>269</v>
      </c>
      <c r="I6" s="1" t="s">
        <v>420</v>
      </c>
      <c r="J6" s="1" t="s">
        <v>33</v>
      </c>
      <c r="K6" s="1" t="s">
        <v>421</v>
      </c>
      <c r="L6" s="1" t="s">
        <v>102</v>
      </c>
      <c r="N6" s="1" t="s">
        <v>36</v>
      </c>
      <c r="O6" s="1" t="s">
        <v>37</v>
      </c>
      <c r="P6" s="1" t="s">
        <v>38</v>
      </c>
      <c r="Q6" s="1" t="s">
        <v>49</v>
      </c>
      <c r="R6" s="1" t="s">
        <v>50</v>
      </c>
      <c r="S6" s="1" t="s">
        <v>341</v>
      </c>
      <c r="T6" s="1" t="s">
        <v>72</v>
      </c>
      <c r="U6" s="1">
        <v>7</v>
      </c>
      <c r="V6" s="3">
        <v>1300</v>
      </c>
      <c r="W6" s="1"/>
      <c r="X6" s="1">
        <v>5.9</v>
      </c>
      <c r="Y6" s="1">
        <v>0.24</v>
      </c>
      <c r="Z6" s="1">
        <v>1.6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39</v>
      </c>
      <c r="BC6" s="1">
        <v>4.3</v>
      </c>
      <c r="BD6" s="1">
        <v>4.5999999999999996</v>
      </c>
      <c r="BE6" s="1"/>
      <c r="BF6" s="1"/>
      <c r="BG6" s="1"/>
      <c r="BH6" s="1"/>
      <c r="BI6" s="1"/>
      <c r="BJ6" s="1"/>
      <c r="BK6" s="1"/>
      <c r="BL6" s="1"/>
      <c r="BM6" s="1">
        <v>1</v>
      </c>
      <c r="BN6" s="1">
        <v>0.23</v>
      </c>
      <c r="BO6" s="1">
        <v>35</v>
      </c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9166666666666663</v>
      </c>
      <c r="C7" s="1" t="s">
        <v>645</v>
      </c>
      <c r="D7" s="1" t="s">
        <v>54</v>
      </c>
      <c r="E7" s="1" t="s">
        <v>28</v>
      </c>
      <c r="F7" s="1" t="s">
        <v>75</v>
      </c>
      <c r="G7" s="1" t="s">
        <v>55</v>
      </c>
      <c r="H7" s="1" t="s">
        <v>269</v>
      </c>
      <c r="I7" s="1" t="s">
        <v>310</v>
      </c>
      <c r="J7" s="1" t="s">
        <v>33</v>
      </c>
      <c r="K7" s="1" t="s">
        <v>422</v>
      </c>
      <c r="L7" s="1" t="s">
        <v>423</v>
      </c>
      <c r="N7" s="1" t="s">
        <v>36</v>
      </c>
      <c r="O7" s="1" t="s">
        <v>37</v>
      </c>
      <c r="P7" s="1" t="s">
        <v>38</v>
      </c>
      <c r="Q7" s="1" t="s">
        <v>80</v>
      </c>
      <c r="R7" s="1" t="s">
        <v>424</v>
      </c>
      <c r="S7" s="1" t="s">
        <v>138</v>
      </c>
      <c r="T7" s="1" t="s">
        <v>131</v>
      </c>
      <c r="U7" s="1">
        <v>6.3</v>
      </c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38</v>
      </c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73</v>
      </c>
      <c r="B8" s="2">
        <v>0.29166666666666669</v>
      </c>
      <c r="C8" s="1" t="s">
        <v>645</v>
      </c>
      <c r="D8" s="1" t="s">
        <v>27</v>
      </c>
      <c r="E8" s="1" t="s">
        <v>646</v>
      </c>
      <c r="F8" s="1" t="s">
        <v>425</v>
      </c>
      <c r="G8" s="1" t="s">
        <v>133</v>
      </c>
      <c r="H8" s="1" t="s">
        <v>276</v>
      </c>
      <c r="I8" s="1" t="s">
        <v>187</v>
      </c>
      <c r="J8" s="1" t="s">
        <v>33</v>
      </c>
      <c r="K8" s="1" t="s">
        <v>426</v>
      </c>
      <c r="L8" s="1" t="s">
        <v>423</v>
      </c>
      <c r="N8" s="1" t="s">
        <v>36</v>
      </c>
      <c r="O8" s="1" t="s">
        <v>37</v>
      </c>
      <c r="P8" s="1" t="s">
        <v>38</v>
      </c>
      <c r="Q8" s="1" t="s">
        <v>39</v>
      </c>
      <c r="R8" s="1" t="s">
        <v>278</v>
      </c>
      <c r="S8" s="1" t="s">
        <v>71</v>
      </c>
      <c r="T8" s="1" t="s">
        <v>72</v>
      </c>
      <c r="U8" s="1">
        <v>6.9</v>
      </c>
      <c r="V8" s="3">
        <v>1700</v>
      </c>
      <c r="W8" s="1"/>
      <c r="X8" s="1">
        <v>6.3</v>
      </c>
      <c r="Y8" s="1">
        <v>0.41</v>
      </c>
      <c r="Z8" s="1">
        <v>2.1999999999999999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45</v>
      </c>
      <c r="BC8" s="1">
        <v>4.2</v>
      </c>
      <c r="BD8" s="1">
        <v>4.5999999999999996</v>
      </c>
      <c r="BE8" s="1"/>
      <c r="BF8" s="1"/>
      <c r="BG8" s="1"/>
      <c r="BH8" s="1"/>
      <c r="BI8" s="1"/>
      <c r="BJ8" s="1"/>
      <c r="BK8" s="1"/>
      <c r="BL8" s="1"/>
      <c r="BM8" s="1">
        <v>0.85</v>
      </c>
      <c r="BN8" s="1">
        <v>0.4</v>
      </c>
      <c r="BO8" s="1">
        <v>34</v>
      </c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9166666666666663</v>
      </c>
      <c r="C9" s="1" t="s">
        <v>645</v>
      </c>
      <c r="D9" s="1" t="s">
        <v>27</v>
      </c>
      <c r="E9" s="1" t="s">
        <v>646</v>
      </c>
      <c r="F9" s="1" t="s">
        <v>55</v>
      </c>
      <c r="G9" s="1" t="s">
        <v>427</v>
      </c>
      <c r="H9" s="1" t="s">
        <v>210</v>
      </c>
      <c r="I9" s="1" t="s">
        <v>158</v>
      </c>
      <c r="J9" s="1" t="s">
        <v>33</v>
      </c>
      <c r="K9" s="1" t="s">
        <v>428</v>
      </c>
      <c r="L9" s="1" t="s">
        <v>429</v>
      </c>
      <c r="N9" s="1" t="s">
        <v>36</v>
      </c>
      <c r="O9" s="1" t="s">
        <v>37</v>
      </c>
      <c r="P9" s="1" t="s">
        <v>38</v>
      </c>
      <c r="Q9" s="1" t="s">
        <v>49</v>
      </c>
      <c r="R9" s="1" t="s">
        <v>169</v>
      </c>
      <c r="S9" s="1" t="s">
        <v>71</v>
      </c>
      <c r="T9" s="1" t="s">
        <v>72</v>
      </c>
      <c r="U9" s="1">
        <v>7.3</v>
      </c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4</v>
      </c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88</v>
      </c>
      <c r="B10" s="2">
        <v>0.28472222222222221</v>
      </c>
      <c r="C10" s="1" t="s">
        <v>645</v>
      </c>
      <c r="D10" s="1" t="s">
        <v>27</v>
      </c>
      <c r="E10" s="1" t="s">
        <v>28</v>
      </c>
      <c r="F10" s="1" t="s">
        <v>90</v>
      </c>
      <c r="G10" s="1" t="s">
        <v>98</v>
      </c>
      <c r="H10" s="1" t="s">
        <v>430</v>
      </c>
      <c r="I10" s="1" t="s">
        <v>357</v>
      </c>
      <c r="J10" s="1" t="s">
        <v>33</v>
      </c>
      <c r="K10" s="1" t="s">
        <v>431</v>
      </c>
      <c r="L10" s="1" t="s">
        <v>432</v>
      </c>
      <c r="N10" s="1" t="s">
        <v>36</v>
      </c>
      <c r="O10" s="1" t="s">
        <v>37</v>
      </c>
      <c r="P10" s="1" t="s">
        <v>38</v>
      </c>
      <c r="Q10" s="1" t="s">
        <v>80</v>
      </c>
      <c r="R10" s="1" t="s">
        <v>411</v>
      </c>
      <c r="S10" s="1" t="s">
        <v>51</v>
      </c>
      <c r="T10" s="1" t="s">
        <v>119</v>
      </c>
      <c r="U10" s="1">
        <v>5.9</v>
      </c>
      <c r="V10" s="3">
        <v>7900</v>
      </c>
      <c r="W10" s="1" t="s">
        <v>670</v>
      </c>
      <c r="X10" s="1">
        <v>7.8</v>
      </c>
      <c r="Y10" s="1">
        <v>0.22</v>
      </c>
      <c r="Z10" s="1">
        <v>2.1000000000000001E-2</v>
      </c>
      <c r="AA10" s="1"/>
      <c r="AB10" s="1"/>
      <c r="AC10" s="1" t="s">
        <v>671</v>
      </c>
      <c r="AD10" s="1" t="s">
        <v>672</v>
      </c>
      <c r="AE10" s="1" t="s">
        <v>675</v>
      </c>
      <c r="AF10" s="1" t="s">
        <v>673</v>
      </c>
      <c r="AG10" s="1" t="s">
        <v>674</v>
      </c>
      <c r="AH10" s="1" t="s">
        <v>675</v>
      </c>
      <c r="AI10" s="1"/>
      <c r="AJ10" s="1"/>
      <c r="AK10" s="1" t="s">
        <v>676</v>
      </c>
      <c r="AL10" s="1" t="s">
        <v>676</v>
      </c>
      <c r="AM10" s="1" t="s">
        <v>676</v>
      </c>
      <c r="AN10" s="1" t="s">
        <v>676</v>
      </c>
      <c r="AO10" s="1" t="s">
        <v>676</v>
      </c>
      <c r="AP10" t="s">
        <v>676</v>
      </c>
      <c r="AQ10" s="1" t="s">
        <v>676</v>
      </c>
      <c r="AR10" s="1" t="s">
        <v>676</v>
      </c>
      <c r="AS10" s="1" t="s">
        <v>676</v>
      </c>
      <c r="AT10" s="1" t="s">
        <v>678</v>
      </c>
      <c r="AU10" s="1" t="s">
        <v>675</v>
      </c>
      <c r="AV10" s="1" t="s">
        <v>671</v>
      </c>
      <c r="AW10" s="1" t="s">
        <v>671</v>
      </c>
      <c r="AX10" s="1" t="s">
        <v>676</v>
      </c>
      <c r="AY10" s="1" t="s">
        <v>682</v>
      </c>
      <c r="AZ10" s="1" t="s">
        <v>683</v>
      </c>
      <c r="BA10" s="1">
        <v>0.05</v>
      </c>
      <c r="BB10" s="1">
        <v>0.75</v>
      </c>
      <c r="BC10" s="1">
        <v>3.9</v>
      </c>
      <c r="BD10" s="1">
        <v>4.5999999999999996</v>
      </c>
      <c r="BE10" s="1" t="s">
        <v>674</v>
      </c>
      <c r="BF10" s="1" t="s">
        <v>674</v>
      </c>
      <c r="BG10" s="1">
        <v>2.5999999999999999E-3</v>
      </c>
      <c r="BH10" s="1">
        <v>0.09</v>
      </c>
      <c r="BI10" s="1">
        <v>0.01</v>
      </c>
      <c r="BJ10" s="1"/>
      <c r="BK10" s="1"/>
      <c r="BL10" s="1">
        <v>1E-3</v>
      </c>
      <c r="BM10" s="1">
        <v>1.8</v>
      </c>
      <c r="BN10" s="1">
        <v>0.18</v>
      </c>
      <c r="BO10" s="1">
        <v>40</v>
      </c>
      <c r="BP10" s="1">
        <v>34</v>
      </c>
      <c r="BQ10" s="1"/>
      <c r="BR10" s="1" t="s">
        <v>689</v>
      </c>
      <c r="BS10" s="1" t="s">
        <v>674</v>
      </c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79166666666666663</v>
      </c>
      <c r="C11" s="1" t="s">
        <v>645</v>
      </c>
      <c r="D11" s="1" t="s">
        <v>27</v>
      </c>
      <c r="E11" s="1" t="s">
        <v>28</v>
      </c>
      <c r="F11" s="1" t="s">
        <v>311</v>
      </c>
      <c r="G11" s="1" t="s">
        <v>308</v>
      </c>
      <c r="H11" s="1" t="s">
        <v>430</v>
      </c>
      <c r="I11" s="1" t="s">
        <v>433</v>
      </c>
      <c r="J11" s="1" t="s">
        <v>33</v>
      </c>
      <c r="K11" s="1" t="s">
        <v>328</v>
      </c>
      <c r="L11" s="1" t="s">
        <v>434</v>
      </c>
      <c r="N11" s="1" t="s">
        <v>36</v>
      </c>
      <c r="O11" s="1" t="s">
        <v>37</v>
      </c>
      <c r="P11" s="1" t="s">
        <v>38</v>
      </c>
      <c r="Q11" s="1" t="s">
        <v>80</v>
      </c>
      <c r="R11" s="1" t="s">
        <v>96</v>
      </c>
      <c r="S11" s="1" t="s">
        <v>333</v>
      </c>
      <c r="T11" s="1" t="s">
        <v>131</v>
      </c>
      <c r="U11" s="1">
        <v>5</v>
      </c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42</v>
      </c>
      <c r="BP11" s="1">
        <v>33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05</v>
      </c>
      <c r="B12" s="2">
        <v>0.28472222222222221</v>
      </c>
      <c r="C12" s="1" t="s">
        <v>645</v>
      </c>
      <c r="D12" s="1" t="s">
        <v>54</v>
      </c>
      <c r="E12" s="1" t="s">
        <v>28</v>
      </c>
      <c r="F12" s="1" t="s">
        <v>435</v>
      </c>
      <c r="G12" s="1" t="s">
        <v>99</v>
      </c>
      <c r="H12" s="1" t="s">
        <v>218</v>
      </c>
      <c r="I12" s="1" t="s">
        <v>431</v>
      </c>
      <c r="J12" s="1" t="s">
        <v>33</v>
      </c>
      <c r="K12" s="1" t="s">
        <v>436</v>
      </c>
      <c r="L12" s="1" t="s">
        <v>86</v>
      </c>
      <c r="N12" s="1" t="s">
        <v>36</v>
      </c>
      <c r="O12" s="1" t="s">
        <v>37</v>
      </c>
      <c r="P12" s="1" t="s">
        <v>38</v>
      </c>
      <c r="Q12" s="1" t="s">
        <v>80</v>
      </c>
      <c r="R12" s="1" t="s">
        <v>153</v>
      </c>
      <c r="S12" s="1" t="s">
        <v>333</v>
      </c>
      <c r="T12" s="1" t="s">
        <v>119</v>
      </c>
      <c r="U12" s="1">
        <v>6.6</v>
      </c>
      <c r="V12" s="3">
        <v>2300</v>
      </c>
      <c r="W12" s="1"/>
      <c r="X12" s="1">
        <v>7.6</v>
      </c>
      <c r="Y12" s="1">
        <v>0.53</v>
      </c>
      <c r="Z12" s="1">
        <v>2.3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55000000000000004</v>
      </c>
      <c r="BC12" s="1">
        <v>4.5</v>
      </c>
      <c r="BD12" s="1">
        <v>5</v>
      </c>
      <c r="BE12" s="1"/>
      <c r="BF12" s="1"/>
      <c r="BG12" s="1"/>
      <c r="BH12" s="1"/>
      <c r="BI12" s="1"/>
      <c r="BJ12" s="1"/>
      <c r="BK12" s="1"/>
      <c r="BL12" s="1"/>
      <c r="BM12" s="1">
        <v>1.9</v>
      </c>
      <c r="BN12" s="1">
        <v>0.5</v>
      </c>
      <c r="BO12" s="1">
        <v>40</v>
      </c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79166666666666663</v>
      </c>
      <c r="C13" s="1" t="s">
        <v>645</v>
      </c>
      <c r="D13" s="1" t="s">
        <v>54</v>
      </c>
      <c r="E13" s="1" t="s">
        <v>28</v>
      </c>
      <c r="F13" s="1" t="s">
        <v>437</v>
      </c>
      <c r="G13" s="1" t="s">
        <v>438</v>
      </c>
      <c r="H13" s="1" t="s">
        <v>173</v>
      </c>
      <c r="I13" s="1" t="s">
        <v>439</v>
      </c>
      <c r="J13" s="1" t="s">
        <v>33</v>
      </c>
      <c r="K13" s="1" t="s">
        <v>431</v>
      </c>
      <c r="L13" s="1" t="s">
        <v>432</v>
      </c>
      <c r="N13" s="1" t="s">
        <v>36</v>
      </c>
      <c r="O13" s="1" t="s">
        <v>37</v>
      </c>
      <c r="P13" s="1" t="s">
        <v>38</v>
      </c>
      <c r="Q13" s="1" t="s">
        <v>49</v>
      </c>
      <c r="R13" s="1" t="s">
        <v>169</v>
      </c>
      <c r="S13" s="1" t="s">
        <v>61</v>
      </c>
      <c r="T13" s="1" t="s">
        <v>131</v>
      </c>
      <c r="U13" s="1">
        <v>4.7</v>
      </c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38</v>
      </c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20</v>
      </c>
      <c r="B14" s="2">
        <v>0.29166666666666669</v>
      </c>
      <c r="C14" s="1" t="s">
        <v>645</v>
      </c>
      <c r="D14" s="1" t="s">
        <v>54</v>
      </c>
      <c r="E14" s="1" t="s">
        <v>646</v>
      </c>
      <c r="F14" s="1" t="s">
        <v>75</v>
      </c>
      <c r="G14" s="1" t="s">
        <v>252</v>
      </c>
      <c r="H14" s="1" t="s">
        <v>276</v>
      </c>
      <c r="I14" s="1" t="s">
        <v>440</v>
      </c>
      <c r="J14" s="1" t="s">
        <v>33</v>
      </c>
      <c r="K14" s="1" t="s">
        <v>59</v>
      </c>
      <c r="L14" s="1" t="s">
        <v>68</v>
      </c>
      <c r="N14" s="1" t="s">
        <v>36</v>
      </c>
      <c r="O14" s="1" t="s">
        <v>69</v>
      </c>
      <c r="P14" s="1" t="s">
        <v>38</v>
      </c>
      <c r="Q14" s="1" t="s">
        <v>39</v>
      </c>
      <c r="R14" s="1" t="s">
        <v>70</v>
      </c>
      <c r="S14" s="1" t="s">
        <v>126</v>
      </c>
      <c r="T14" s="1" t="s">
        <v>131</v>
      </c>
      <c r="U14" s="1">
        <v>6.3</v>
      </c>
      <c r="V14" s="3">
        <v>230</v>
      </c>
      <c r="W14" s="1"/>
      <c r="X14" s="1">
        <v>8.1</v>
      </c>
      <c r="Y14" s="1">
        <v>0.24</v>
      </c>
      <c r="Z14" s="1">
        <v>2.1000000000000001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56000000000000005</v>
      </c>
      <c r="BC14" s="1">
        <v>6</v>
      </c>
      <c r="BD14" s="1">
        <v>6.5</v>
      </c>
      <c r="BE14" s="1"/>
      <c r="BF14" s="1"/>
      <c r="BG14" s="1"/>
      <c r="BH14" s="1"/>
      <c r="BI14" s="1"/>
      <c r="BJ14" s="1"/>
      <c r="BK14" s="1"/>
      <c r="BL14" s="1"/>
      <c r="BM14" s="1">
        <v>0.64</v>
      </c>
      <c r="BN14" s="1">
        <v>0.23</v>
      </c>
      <c r="BO14" s="1">
        <v>37</v>
      </c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9166666666666663</v>
      </c>
      <c r="C15" s="1" t="s">
        <v>645</v>
      </c>
      <c r="D15" s="1" t="s">
        <v>27</v>
      </c>
      <c r="E15" s="1" t="s">
        <v>646</v>
      </c>
      <c r="F15" s="1" t="s">
        <v>382</v>
      </c>
      <c r="G15" s="1" t="s">
        <v>441</v>
      </c>
      <c r="H15" s="1" t="s">
        <v>210</v>
      </c>
      <c r="I15" s="1" t="s">
        <v>174</v>
      </c>
      <c r="J15" s="1" t="s">
        <v>33</v>
      </c>
      <c r="K15" s="1" t="s">
        <v>433</v>
      </c>
      <c r="L15" s="1" t="s">
        <v>68</v>
      </c>
      <c r="N15" s="1" t="s">
        <v>36</v>
      </c>
      <c r="O15" s="1" t="s">
        <v>69</v>
      </c>
      <c r="P15" s="1" t="s">
        <v>38</v>
      </c>
      <c r="Q15" s="1" t="s">
        <v>80</v>
      </c>
      <c r="R15" s="1" t="s">
        <v>129</v>
      </c>
      <c r="S15" s="1" t="s">
        <v>71</v>
      </c>
      <c r="T15" s="1" t="s">
        <v>442</v>
      </c>
      <c r="U15" s="1">
        <v>6.4</v>
      </c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>
        <v>35</v>
      </c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32</v>
      </c>
      <c r="B16" s="2">
        <v>0.28819444444444448</v>
      </c>
      <c r="C16" s="1" t="s">
        <v>645</v>
      </c>
      <c r="D16" s="1" t="s">
        <v>54</v>
      </c>
      <c r="E16" s="1" t="s">
        <v>28</v>
      </c>
      <c r="F16" s="1" t="s">
        <v>63</v>
      </c>
      <c r="G16" s="1" t="s">
        <v>376</v>
      </c>
      <c r="H16" s="1" t="s">
        <v>269</v>
      </c>
      <c r="I16" s="1" t="s">
        <v>383</v>
      </c>
      <c r="J16" s="1" t="s">
        <v>33</v>
      </c>
      <c r="K16" s="1" t="s">
        <v>316</v>
      </c>
      <c r="L16" s="1" t="s">
        <v>102</v>
      </c>
      <c r="N16" s="1" t="s">
        <v>36</v>
      </c>
      <c r="O16" s="1" t="s">
        <v>37</v>
      </c>
      <c r="P16" s="1" t="s">
        <v>38</v>
      </c>
      <c r="Q16" s="1" t="s">
        <v>80</v>
      </c>
      <c r="R16" s="1" t="s">
        <v>61</v>
      </c>
      <c r="S16" s="1" t="s">
        <v>61</v>
      </c>
      <c r="T16" s="1" t="s">
        <v>131</v>
      </c>
      <c r="U16" s="1">
        <v>5.6</v>
      </c>
      <c r="V16" s="3">
        <v>4900</v>
      </c>
      <c r="W16" s="1"/>
      <c r="X16" s="1">
        <v>6.8</v>
      </c>
      <c r="Y16" s="1">
        <v>0.18</v>
      </c>
      <c r="Z16" s="1">
        <v>1.7000000000000001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0.75</v>
      </c>
      <c r="BC16" s="1">
        <v>4</v>
      </c>
      <c r="BD16" s="1">
        <v>4.7</v>
      </c>
      <c r="BE16" s="1"/>
      <c r="BF16" s="1"/>
      <c r="BG16" s="1"/>
      <c r="BH16" s="1"/>
      <c r="BI16" s="1"/>
      <c r="BJ16" s="1"/>
      <c r="BK16" s="1"/>
      <c r="BL16" s="1"/>
      <c r="BM16" s="1">
        <v>1.4</v>
      </c>
      <c r="BN16" s="1">
        <v>0.16</v>
      </c>
      <c r="BO16" s="1">
        <v>36</v>
      </c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9166666666666663</v>
      </c>
      <c r="C17" s="1" t="s">
        <v>645</v>
      </c>
      <c r="D17" s="1" t="s">
        <v>54</v>
      </c>
      <c r="E17" s="1" t="s">
        <v>28</v>
      </c>
      <c r="F17" s="1" t="s">
        <v>427</v>
      </c>
      <c r="G17" s="1" t="s">
        <v>64</v>
      </c>
      <c r="H17" s="1" t="s">
        <v>173</v>
      </c>
      <c r="I17" s="1" t="s">
        <v>443</v>
      </c>
      <c r="J17" s="1" t="s">
        <v>33</v>
      </c>
      <c r="K17" s="1" t="s">
        <v>444</v>
      </c>
      <c r="L17" s="1" t="s">
        <v>432</v>
      </c>
      <c r="N17" s="1" t="s">
        <v>36</v>
      </c>
      <c r="O17" s="1" t="s">
        <v>37</v>
      </c>
      <c r="P17" s="1" t="s">
        <v>38</v>
      </c>
      <c r="Q17" s="1" t="s">
        <v>39</v>
      </c>
      <c r="R17" s="1" t="s">
        <v>111</v>
      </c>
      <c r="S17" s="1" t="s">
        <v>221</v>
      </c>
      <c r="T17" s="1" t="s">
        <v>131</v>
      </c>
      <c r="U17" s="1">
        <v>5.2</v>
      </c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>
        <v>34</v>
      </c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43</v>
      </c>
      <c r="B18" s="2">
        <v>0.29166666666666669</v>
      </c>
      <c r="C18" s="1" t="s">
        <v>645</v>
      </c>
      <c r="D18" s="1" t="s">
        <v>27</v>
      </c>
      <c r="E18" s="1" t="s">
        <v>646</v>
      </c>
      <c r="F18" s="1" t="s">
        <v>445</v>
      </c>
      <c r="G18" s="1" t="s">
        <v>398</v>
      </c>
      <c r="H18" s="1" t="s">
        <v>276</v>
      </c>
      <c r="I18" s="1" t="s">
        <v>446</v>
      </c>
      <c r="J18" s="1" t="s">
        <v>33</v>
      </c>
      <c r="K18" s="1" t="s">
        <v>299</v>
      </c>
      <c r="L18" s="1" t="s">
        <v>271</v>
      </c>
      <c r="N18" s="1" t="s">
        <v>36</v>
      </c>
      <c r="O18" s="1" t="s">
        <v>37</v>
      </c>
      <c r="P18" s="1" t="s">
        <v>38</v>
      </c>
      <c r="Q18" s="1" t="s">
        <v>80</v>
      </c>
      <c r="R18" s="1" t="s">
        <v>221</v>
      </c>
      <c r="S18" s="1" t="s">
        <v>138</v>
      </c>
      <c r="T18" s="1" t="s">
        <v>119</v>
      </c>
      <c r="U18" s="1">
        <v>6.9</v>
      </c>
      <c r="V18" s="3">
        <v>7900</v>
      </c>
      <c r="W18" s="1"/>
      <c r="X18" s="1">
        <v>8.5</v>
      </c>
      <c r="Y18" s="1">
        <v>0.6</v>
      </c>
      <c r="Z18" s="1">
        <v>2.7E-2</v>
      </c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53</v>
      </c>
      <c r="BC18" s="1">
        <v>6.1</v>
      </c>
      <c r="BD18" s="1">
        <v>6.6</v>
      </c>
      <c r="BE18" s="1"/>
      <c r="BF18" s="1"/>
      <c r="BG18" s="1"/>
      <c r="BH18" s="1"/>
      <c r="BI18" s="1"/>
      <c r="BJ18" s="1"/>
      <c r="BK18" s="1"/>
      <c r="BL18" s="1"/>
      <c r="BM18" s="1">
        <v>0.92</v>
      </c>
      <c r="BN18" s="1">
        <v>0.59</v>
      </c>
      <c r="BO18" s="1">
        <v>40</v>
      </c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9166666666666663</v>
      </c>
      <c r="C19" s="1" t="s">
        <v>645</v>
      </c>
      <c r="D19" s="1" t="s">
        <v>27</v>
      </c>
      <c r="E19" s="1" t="s">
        <v>646</v>
      </c>
      <c r="F19" s="1" t="s">
        <v>397</v>
      </c>
      <c r="G19" s="1" t="s">
        <v>304</v>
      </c>
      <c r="H19" s="1" t="s">
        <v>269</v>
      </c>
      <c r="I19" s="1" t="s">
        <v>447</v>
      </c>
      <c r="J19" s="1" t="s">
        <v>33</v>
      </c>
      <c r="K19" s="1" t="s">
        <v>436</v>
      </c>
      <c r="L19" s="1" t="s">
        <v>167</v>
      </c>
      <c r="N19" s="1" t="s">
        <v>36</v>
      </c>
      <c r="O19" s="1" t="s">
        <v>37</v>
      </c>
      <c r="P19" s="1" t="s">
        <v>38</v>
      </c>
      <c r="Q19" s="1" t="s">
        <v>39</v>
      </c>
      <c r="R19" s="1" t="s">
        <v>70</v>
      </c>
      <c r="S19" s="1" t="s">
        <v>448</v>
      </c>
      <c r="T19" s="1" t="s">
        <v>119</v>
      </c>
      <c r="U19" s="1">
        <v>6.3</v>
      </c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>
        <v>39</v>
      </c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54</v>
      </c>
      <c r="B20" s="2">
        <v>0.29166666666666669</v>
      </c>
      <c r="C20" s="1" t="s">
        <v>645</v>
      </c>
      <c r="D20" s="1" t="s">
        <v>27</v>
      </c>
      <c r="E20" s="1" t="s">
        <v>155</v>
      </c>
      <c r="F20" s="1" t="s">
        <v>145</v>
      </c>
      <c r="G20" s="1" t="s">
        <v>164</v>
      </c>
      <c r="H20" s="1" t="s">
        <v>276</v>
      </c>
      <c r="I20" s="1" t="s">
        <v>59</v>
      </c>
      <c r="J20" s="1" t="s">
        <v>33</v>
      </c>
      <c r="K20" s="1" t="s">
        <v>166</v>
      </c>
      <c r="L20" s="1" t="s">
        <v>449</v>
      </c>
      <c r="N20" s="1" t="s">
        <v>36</v>
      </c>
      <c r="O20" s="1" t="s">
        <v>160</v>
      </c>
      <c r="P20" s="1" t="s">
        <v>38</v>
      </c>
      <c r="Q20" s="1" t="s">
        <v>39</v>
      </c>
      <c r="R20" s="1" t="s">
        <v>52</v>
      </c>
      <c r="S20" s="1" t="s">
        <v>95</v>
      </c>
      <c r="T20" s="1" t="s">
        <v>283</v>
      </c>
      <c r="U20" s="1">
        <v>6.3</v>
      </c>
      <c r="V20" s="3">
        <v>23000</v>
      </c>
      <c r="W20" s="1"/>
      <c r="X20" s="1">
        <v>5.9</v>
      </c>
      <c r="Y20" s="1">
        <v>0.13</v>
      </c>
      <c r="Z20" s="1">
        <v>2.8000000000000001E-2</v>
      </c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43</v>
      </c>
      <c r="BC20" s="1">
        <v>3.6</v>
      </c>
      <c r="BD20" s="1">
        <v>4</v>
      </c>
      <c r="BE20" s="1"/>
      <c r="BF20" s="1"/>
      <c r="BG20" s="1"/>
      <c r="BH20" s="1"/>
      <c r="BI20" s="1"/>
      <c r="BJ20" s="1"/>
      <c r="BK20" s="1"/>
      <c r="BL20" s="1"/>
      <c r="BM20" s="1">
        <v>0.87</v>
      </c>
      <c r="BN20" s="1">
        <v>9.2999999999999999E-2</v>
      </c>
      <c r="BO20" s="1">
        <v>33</v>
      </c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9166666666666663</v>
      </c>
      <c r="C21" s="1" t="s">
        <v>645</v>
      </c>
      <c r="D21" s="1" t="s">
        <v>27</v>
      </c>
      <c r="E21" s="1" t="s">
        <v>155</v>
      </c>
      <c r="F21" s="1" t="s">
        <v>450</v>
      </c>
      <c r="G21" s="1" t="s">
        <v>451</v>
      </c>
      <c r="H21" s="1" t="s">
        <v>218</v>
      </c>
      <c r="I21" s="1" t="s">
        <v>431</v>
      </c>
      <c r="J21" s="1" t="s">
        <v>33</v>
      </c>
      <c r="K21" s="1" t="s">
        <v>444</v>
      </c>
      <c r="L21" s="1" t="s">
        <v>452</v>
      </c>
      <c r="N21" s="1" t="s">
        <v>36</v>
      </c>
      <c r="O21" s="1" t="s">
        <v>37</v>
      </c>
      <c r="P21" s="1" t="s">
        <v>38</v>
      </c>
      <c r="Q21" s="1" t="s">
        <v>168</v>
      </c>
      <c r="R21" s="1" t="s">
        <v>207</v>
      </c>
      <c r="S21" s="1" t="s">
        <v>453</v>
      </c>
      <c r="T21" s="1" t="s">
        <v>206</v>
      </c>
      <c r="U21" s="1">
        <v>6.2</v>
      </c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>
        <v>40</v>
      </c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70</v>
      </c>
      <c r="B22" s="2">
        <v>0.29166666666666669</v>
      </c>
      <c r="C22" s="1" t="s">
        <v>645</v>
      </c>
      <c r="D22" s="1" t="s">
        <v>27</v>
      </c>
      <c r="E22" s="1" t="s">
        <v>28</v>
      </c>
      <c r="F22" s="1" t="s">
        <v>280</v>
      </c>
      <c r="G22" s="1" t="s">
        <v>345</v>
      </c>
      <c r="H22" s="1" t="s">
        <v>430</v>
      </c>
      <c r="I22" s="1" t="s">
        <v>454</v>
      </c>
      <c r="J22" s="1" t="s">
        <v>33</v>
      </c>
      <c r="K22" s="1" t="s">
        <v>67</v>
      </c>
      <c r="L22" s="1" t="s">
        <v>220</v>
      </c>
      <c r="N22" s="1" t="s">
        <v>36</v>
      </c>
      <c r="O22" s="1" t="s">
        <v>37</v>
      </c>
      <c r="P22" s="1" t="s">
        <v>38</v>
      </c>
      <c r="Q22" s="1" t="s">
        <v>80</v>
      </c>
      <c r="R22" s="1" t="s">
        <v>162</v>
      </c>
      <c r="S22" s="1" t="s">
        <v>103</v>
      </c>
      <c r="T22" s="1" t="s">
        <v>131</v>
      </c>
      <c r="U22" s="1">
        <v>7</v>
      </c>
      <c r="V22" s="3">
        <v>1300</v>
      </c>
      <c r="W22" s="1" t="s">
        <v>670</v>
      </c>
      <c r="X22" s="1">
        <v>11</v>
      </c>
      <c r="Y22" s="1">
        <v>0.3</v>
      </c>
      <c r="Z22" s="1">
        <v>2.7E-2</v>
      </c>
      <c r="AA22" s="1"/>
      <c r="AB22" s="1"/>
      <c r="AC22" s="1" t="s">
        <v>671</v>
      </c>
      <c r="AD22" s="1" t="s">
        <v>672</v>
      </c>
      <c r="AE22" s="1" t="s">
        <v>675</v>
      </c>
      <c r="AF22" s="1" t="s">
        <v>673</v>
      </c>
      <c r="AG22" s="1" t="s">
        <v>674</v>
      </c>
      <c r="AH22" s="1" t="s">
        <v>675</v>
      </c>
      <c r="AI22" s="1"/>
      <c r="AJ22" s="1"/>
      <c r="AK22" s="1" t="s">
        <v>676</v>
      </c>
      <c r="AL22" s="1" t="s">
        <v>676</v>
      </c>
      <c r="AM22" s="1" t="s">
        <v>676</v>
      </c>
      <c r="AN22" s="1" t="s">
        <v>676</v>
      </c>
      <c r="AO22" s="1" t="s">
        <v>676</v>
      </c>
      <c r="AP22" t="s">
        <v>676</v>
      </c>
      <c r="AQ22" s="1" t="s">
        <v>676</v>
      </c>
      <c r="AR22" s="1" t="s">
        <v>676</v>
      </c>
      <c r="AS22" s="1" t="s">
        <v>676</v>
      </c>
      <c r="AT22" s="1" t="s">
        <v>678</v>
      </c>
      <c r="AU22" s="1" t="s">
        <v>675</v>
      </c>
      <c r="AV22" s="1" t="s">
        <v>671</v>
      </c>
      <c r="AW22" s="1" t="s">
        <v>671</v>
      </c>
      <c r="AX22" s="1" t="s">
        <v>676</v>
      </c>
      <c r="AY22" s="1" t="s">
        <v>682</v>
      </c>
      <c r="AZ22" s="1" t="s">
        <v>683</v>
      </c>
      <c r="BA22" s="1">
        <v>7.0000000000000007E-2</v>
      </c>
      <c r="BB22" s="1">
        <v>0.59</v>
      </c>
      <c r="BC22" s="1">
        <v>6.9</v>
      </c>
      <c r="BD22" s="1">
        <v>7.4</v>
      </c>
      <c r="BE22" s="1" t="s">
        <v>674</v>
      </c>
      <c r="BF22" s="1" t="s">
        <v>674</v>
      </c>
      <c r="BG22" s="1">
        <v>3.5000000000000001E-3</v>
      </c>
      <c r="BH22" s="1">
        <v>7.0000000000000007E-2</v>
      </c>
      <c r="BI22" s="1">
        <v>0.01</v>
      </c>
      <c r="BJ22" s="1"/>
      <c r="BK22" s="1"/>
      <c r="BL22" s="1">
        <v>1E-3</v>
      </c>
      <c r="BM22" s="1">
        <v>3.6</v>
      </c>
      <c r="BN22" s="1">
        <v>0.26</v>
      </c>
      <c r="BO22" s="1">
        <v>43</v>
      </c>
      <c r="BP22" s="1">
        <v>40</v>
      </c>
      <c r="BQ22" s="1"/>
      <c r="BR22" s="1" t="s">
        <v>689</v>
      </c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9166666666666663</v>
      </c>
      <c r="C23" s="1" t="s">
        <v>645</v>
      </c>
      <c r="D23" s="1" t="s">
        <v>54</v>
      </c>
      <c r="E23" s="1" t="s">
        <v>28</v>
      </c>
      <c r="F23" s="1" t="s">
        <v>273</v>
      </c>
      <c r="G23" s="1" t="s">
        <v>410</v>
      </c>
      <c r="H23" s="1" t="s">
        <v>430</v>
      </c>
      <c r="I23" s="1" t="s">
        <v>93</v>
      </c>
      <c r="J23" s="1" t="s">
        <v>33</v>
      </c>
      <c r="K23" s="1" t="s">
        <v>124</v>
      </c>
      <c r="L23" s="1" t="s">
        <v>271</v>
      </c>
      <c r="N23" s="1" t="s">
        <v>36</v>
      </c>
      <c r="O23" s="1" t="s">
        <v>37</v>
      </c>
      <c r="P23" s="1" t="s">
        <v>38</v>
      </c>
      <c r="Q23" s="1" t="s">
        <v>168</v>
      </c>
      <c r="R23" s="1" t="s">
        <v>51</v>
      </c>
      <c r="S23" s="1" t="s">
        <v>39</v>
      </c>
      <c r="T23" s="1" t="s">
        <v>131</v>
      </c>
      <c r="U23" s="1">
        <v>7.3</v>
      </c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>
        <v>45</v>
      </c>
      <c r="BP23" s="1">
        <v>41</v>
      </c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84</v>
      </c>
      <c r="B24" s="2">
        <v>0.29166666666666669</v>
      </c>
      <c r="C24" s="1" t="s">
        <v>645</v>
      </c>
      <c r="D24" s="1" t="s">
        <v>27</v>
      </c>
      <c r="E24" s="1" t="s">
        <v>646</v>
      </c>
      <c r="F24" s="1" t="s">
        <v>178</v>
      </c>
      <c r="G24" s="1" t="s">
        <v>455</v>
      </c>
      <c r="H24" s="1" t="s">
        <v>413</v>
      </c>
      <c r="I24" s="1" t="s">
        <v>456</v>
      </c>
      <c r="J24" s="1" t="s">
        <v>33</v>
      </c>
      <c r="K24" s="1" t="s">
        <v>433</v>
      </c>
      <c r="L24" s="1" t="s">
        <v>347</v>
      </c>
      <c r="N24" s="1" t="s">
        <v>36</v>
      </c>
      <c r="O24" s="1" t="s">
        <v>37</v>
      </c>
      <c r="P24" s="1" t="s">
        <v>38</v>
      </c>
      <c r="Q24" s="1" t="s">
        <v>80</v>
      </c>
      <c r="R24" s="1" t="s">
        <v>162</v>
      </c>
      <c r="S24" s="1" t="s">
        <v>246</v>
      </c>
      <c r="T24" s="1" t="s">
        <v>62</v>
      </c>
      <c r="U24" s="1">
        <v>6.7</v>
      </c>
      <c r="V24" s="3">
        <v>2300</v>
      </c>
      <c r="W24" s="1"/>
      <c r="X24" s="1">
        <v>10</v>
      </c>
      <c r="Y24" s="1">
        <v>0.48</v>
      </c>
      <c r="Z24" s="1">
        <v>3.3000000000000002E-2</v>
      </c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>
        <v>0.49</v>
      </c>
      <c r="BC24" s="1">
        <v>6.2</v>
      </c>
      <c r="BD24" s="1">
        <v>6.6</v>
      </c>
      <c r="BE24" s="1"/>
      <c r="BF24" s="1"/>
      <c r="BG24" s="1"/>
      <c r="BH24" s="1"/>
      <c r="BI24" s="1"/>
      <c r="BJ24" s="1"/>
      <c r="BK24" s="1"/>
      <c r="BL24" s="1"/>
      <c r="BM24" s="1">
        <v>2.4</v>
      </c>
      <c r="BN24" s="1">
        <v>0.47</v>
      </c>
      <c r="BO24" s="1">
        <v>47</v>
      </c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79166666666666663</v>
      </c>
      <c r="C25" s="1" t="s">
        <v>645</v>
      </c>
      <c r="D25" s="1" t="s">
        <v>27</v>
      </c>
      <c r="E25" s="1" t="s">
        <v>646</v>
      </c>
      <c r="F25" s="1" t="s">
        <v>40</v>
      </c>
      <c r="G25" s="1" t="s">
        <v>198</v>
      </c>
      <c r="H25" s="1" t="s">
        <v>276</v>
      </c>
      <c r="I25" s="1" t="s">
        <v>181</v>
      </c>
      <c r="J25" s="1" t="s">
        <v>33</v>
      </c>
      <c r="K25" s="1" t="s">
        <v>59</v>
      </c>
      <c r="L25" s="1" t="s">
        <v>457</v>
      </c>
      <c r="N25" s="1" t="s">
        <v>36</v>
      </c>
      <c r="O25" s="1" t="s">
        <v>160</v>
      </c>
      <c r="P25" s="1" t="s">
        <v>38</v>
      </c>
      <c r="Q25" s="1" t="s">
        <v>215</v>
      </c>
      <c r="R25" s="1" t="s">
        <v>40</v>
      </c>
      <c r="S25" s="1" t="s">
        <v>95</v>
      </c>
      <c r="T25" s="1" t="s">
        <v>292</v>
      </c>
      <c r="U25" s="1">
        <v>7.3</v>
      </c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>
        <v>48</v>
      </c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96</v>
      </c>
      <c r="B26" s="2">
        <v>0.29166666666666669</v>
      </c>
      <c r="C26" s="1" t="s">
        <v>645</v>
      </c>
      <c r="D26" s="1" t="s">
        <v>27</v>
      </c>
      <c r="E26" s="1" t="s">
        <v>646</v>
      </c>
      <c r="F26" s="1" t="s">
        <v>409</v>
      </c>
      <c r="G26" s="1" t="s">
        <v>458</v>
      </c>
      <c r="H26" s="1" t="s">
        <v>430</v>
      </c>
      <c r="I26" s="1" t="s">
        <v>440</v>
      </c>
      <c r="J26" s="1" t="s">
        <v>33</v>
      </c>
      <c r="K26" s="1" t="s">
        <v>360</v>
      </c>
      <c r="L26" s="1" t="s">
        <v>459</v>
      </c>
      <c r="N26" s="1" t="s">
        <v>36</v>
      </c>
      <c r="O26" s="1" t="s">
        <v>37</v>
      </c>
      <c r="P26" s="1" t="s">
        <v>38</v>
      </c>
      <c r="Q26" s="1" t="s">
        <v>49</v>
      </c>
      <c r="R26" s="1" t="s">
        <v>405</v>
      </c>
      <c r="S26" s="1" t="s">
        <v>41</v>
      </c>
      <c r="T26" s="1" t="s">
        <v>206</v>
      </c>
      <c r="U26" s="1">
        <v>7.8</v>
      </c>
      <c r="V26" s="3">
        <v>3300</v>
      </c>
      <c r="W26" s="1"/>
      <c r="X26" s="1">
        <v>7.4</v>
      </c>
      <c r="Y26" s="1">
        <v>0.68</v>
      </c>
      <c r="Z26" s="1">
        <v>3.5000000000000003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37</v>
      </c>
      <c r="BC26" s="1">
        <v>4.5</v>
      </c>
      <c r="BD26" s="1">
        <v>4.8</v>
      </c>
      <c r="BE26" s="1"/>
      <c r="BF26" s="1"/>
      <c r="BG26" s="1"/>
      <c r="BH26" s="1"/>
      <c r="BI26" s="1"/>
      <c r="BJ26" s="1"/>
      <c r="BK26" s="1"/>
      <c r="BL26" s="1"/>
      <c r="BM26" s="1">
        <v>1.7</v>
      </c>
      <c r="BN26" s="1">
        <v>0.57999999999999996</v>
      </c>
      <c r="BO26" s="1">
        <v>42</v>
      </c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9166666666666663</v>
      </c>
      <c r="C27" s="1" t="s">
        <v>645</v>
      </c>
      <c r="D27" s="1" t="s">
        <v>27</v>
      </c>
      <c r="E27" s="1" t="s">
        <v>646</v>
      </c>
      <c r="F27" s="1" t="s">
        <v>460</v>
      </c>
      <c r="G27" s="1" t="s">
        <v>461</v>
      </c>
      <c r="H27" s="1" t="s">
        <v>276</v>
      </c>
      <c r="I27" s="1" t="s">
        <v>346</v>
      </c>
      <c r="J27" s="1" t="s">
        <v>33</v>
      </c>
      <c r="K27" s="1" t="s">
        <v>116</v>
      </c>
      <c r="L27" s="1" t="s">
        <v>48</v>
      </c>
      <c r="N27" s="1" t="s">
        <v>36</v>
      </c>
      <c r="O27" s="1" t="s">
        <v>37</v>
      </c>
      <c r="P27" s="1" t="s">
        <v>38</v>
      </c>
      <c r="Q27" s="1" t="s">
        <v>80</v>
      </c>
      <c r="R27" s="1" t="s">
        <v>236</v>
      </c>
      <c r="S27" s="1" t="s">
        <v>82</v>
      </c>
      <c r="T27" s="1" t="s">
        <v>206</v>
      </c>
      <c r="U27" s="1">
        <v>7.3</v>
      </c>
      <c r="V27" s="1"/>
      <c r="W27" s="1"/>
      <c r="X27" s="1"/>
      <c r="Y27" s="1"/>
      <c r="Z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F27" s="1"/>
      <c r="BG27" s="1"/>
      <c r="BH27" s="1"/>
      <c r="BI27" s="1"/>
      <c r="BJ27" s="1"/>
      <c r="BK27" s="1"/>
      <c r="BL27" s="1"/>
      <c r="BM27" s="1"/>
      <c r="BN27" s="1"/>
      <c r="BO27" s="1">
        <v>40</v>
      </c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14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54</v>
      </c>
      <c r="C1" s="1" t="s">
        <v>1</v>
      </c>
      <c r="D1" s="1" t="s">
        <v>655</v>
      </c>
      <c r="E1" s="1" t="s">
        <v>2</v>
      </c>
      <c r="F1" s="1" t="s">
        <v>636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8</v>
      </c>
      <c r="AB2" s="1" t="s">
        <v>706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3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638888888888889</v>
      </c>
      <c r="C4" s="1" t="s">
        <v>645</v>
      </c>
      <c r="D4" s="1" t="s">
        <v>27</v>
      </c>
      <c r="F4" s="1" t="s">
        <v>462</v>
      </c>
      <c r="G4" s="1" t="s">
        <v>366</v>
      </c>
      <c r="I4" s="1" t="s">
        <v>218</v>
      </c>
      <c r="J4" s="1" t="s">
        <v>33</v>
      </c>
      <c r="K4" s="1" t="s">
        <v>401</v>
      </c>
      <c r="L4" s="1" t="s">
        <v>463</v>
      </c>
      <c r="O4" s="1" t="s">
        <v>212</v>
      </c>
      <c r="P4" s="1" t="s">
        <v>38</v>
      </c>
      <c r="Q4" s="1" t="s">
        <v>39</v>
      </c>
      <c r="R4" s="1" t="s">
        <v>367</v>
      </c>
      <c r="S4" s="1" t="s">
        <v>236</v>
      </c>
      <c r="T4" s="1" t="s">
        <v>283</v>
      </c>
      <c r="U4" s="1">
        <v>7.9</v>
      </c>
      <c r="V4" s="1">
        <v>3300</v>
      </c>
      <c r="W4" s="1"/>
      <c r="X4" s="1">
        <v>5.5</v>
      </c>
      <c r="Y4" s="1">
        <v>0.12</v>
      </c>
      <c r="Z4" s="1">
        <v>2.3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3.7999999999999999E-2</v>
      </c>
      <c r="BC4" s="1">
        <v>4.5</v>
      </c>
      <c r="BD4" s="1">
        <v>4.5</v>
      </c>
      <c r="BE4" s="1"/>
      <c r="BF4" s="1"/>
      <c r="BG4" s="1"/>
      <c r="BH4" s="1"/>
      <c r="BI4" s="1"/>
      <c r="BJ4" s="1"/>
      <c r="BK4" s="1"/>
      <c r="BL4" s="1"/>
      <c r="BM4" s="1">
        <v>0.08</v>
      </c>
      <c r="BN4" s="1">
        <v>8.8999999999999996E-2</v>
      </c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53</v>
      </c>
      <c r="B5" s="2">
        <v>0.41666666666666669</v>
      </c>
      <c r="C5" s="1" t="s">
        <v>645</v>
      </c>
      <c r="D5" s="1" t="s">
        <v>54</v>
      </c>
      <c r="F5" s="1" t="s">
        <v>247</v>
      </c>
      <c r="G5" s="1" t="s">
        <v>63</v>
      </c>
      <c r="I5" s="1" t="s">
        <v>31</v>
      </c>
      <c r="J5" s="1" t="s">
        <v>33</v>
      </c>
      <c r="K5" s="1" t="s">
        <v>464</v>
      </c>
      <c r="L5" s="1" t="s">
        <v>68</v>
      </c>
      <c r="O5" s="1" t="s">
        <v>465</v>
      </c>
      <c r="P5" s="1" t="s">
        <v>466</v>
      </c>
      <c r="Q5" s="1" t="s">
        <v>215</v>
      </c>
      <c r="R5" s="1" t="s">
        <v>401</v>
      </c>
      <c r="S5" s="1" t="s">
        <v>70</v>
      </c>
      <c r="T5" s="1" t="s">
        <v>42</v>
      </c>
      <c r="U5" s="1">
        <v>9.3000000000000007</v>
      </c>
      <c r="V5" s="1">
        <v>1700</v>
      </c>
      <c r="W5" s="1"/>
      <c r="X5" s="1">
        <v>6.1</v>
      </c>
      <c r="Y5" s="1">
        <v>7.3999999999999996E-2</v>
      </c>
      <c r="Z5" s="1">
        <v>2.3E-2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1.2999999999999999E-2</v>
      </c>
      <c r="BC5" s="1">
        <v>6</v>
      </c>
      <c r="BD5" s="1">
        <v>6</v>
      </c>
      <c r="BE5" s="1"/>
      <c r="BF5" s="1"/>
      <c r="BG5" s="1"/>
      <c r="BH5" s="1"/>
      <c r="BI5" s="1"/>
      <c r="BJ5" s="1"/>
      <c r="BK5" s="1"/>
      <c r="BL5" s="1"/>
      <c r="BM5" s="1">
        <v>0.01</v>
      </c>
      <c r="BN5" s="1">
        <v>5.1999999999999998E-2</v>
      </c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27</v>
      </c>
      <c r="B6" s="2">
        <v>0.55902777777777779</v>
      </c>
      <c r="C6" s="1" t="s">
        <v>645</v>
      </c>
      <c r="D6" s="1" t="s">
        <v>232</v>
      </c>
      <c r="F6" s="1" t="s">
        <v>55</v>
      </c>
      <c r="G6" s="1" t="s">
        <v>467</v>
      </c>
      <c r="I6" s="1" t="s">
        <v>91</v>
      </c>
      <c r="J6" s="1" t="s">
        <v>33</v>
      </c>
      <c r="K6" s="1" t="s">
        <v>401</v>
      </c>
      <c r="L6" s="1" t="s">
        <v>468</v>
      </c>
      <c r="O6" s="1" t="s">
        <v>212</v>
      </c>
      <c r="P6" s="1" t="s">
        <v>38</v>
      </c>
      <c r="Q6" s="1" t="s">
        <v>215</v>
      </c>
      <c r="R6" s="1" t="s">
        <v>96</v>
      </c>
      <c r="S6" s="1" t="s">
        <v>50</v>
      </c>
      <c r="T6" s="1" t="s">
        <v>206</v>
      </c>
      <c r="U6" s="1">
        <v>9.1999999999999993</v>
      </c>
      <c r="V6" s="1">
        <v>3500</v>
      </c>
      <c r="W6" s="1"/>
      <c r="X6" s="1">
        <v>4.9000000000000004</v>
      </c>
      <c r="Y6" s="1">
        <v>7.6999999999999999E-2</v>
      </c>
      <c r="Z6" s="1">
        <v>1.7000000000000001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24</v>
      </c>
      <c r="BC6" s="1">
        <v>4.3</v>
      </c>
      <c r="BD6" s="1">
        <v>4.5</v>
      </c>
      <c r="BE6" s="1"/>
      <c r="BF6" s="1"/>
      <c r="BG6" s="1"/>
      <c r="BH6" s="1"/>
      <c r="BI6" s="1"/>
      <c r="BJ6" s="1"/>
      <c r="BK6" s="1"/>
      <c r="BL6" s="1"/>
      <c r="BM6" s="1">
        <v>0.3</v>
      </c>
      <c r="BN6" s="1">
        <v>5.3999999999999999E-2</v>
      </c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8</v>
      </c>
      <c r="B7" s="2">
        <v>0.46527777777777773</v>
      </c>
      <c r="C7" s="1" t="s">
        <v>645</v>
      </c>
      <c r="D7" s="1" t="s">
        <v>27</v>
      </c>
      <c r="F7" s="1" t="s">
        <v>469</v>
      </c>
      <c r="G7" s="1" t="s">
        <v>387</v>
      </c>
      <c r="I7" s="1" t="s">
        <v>269</v>
      </c>
      <c r="J7" s="1" t="s">
        <v>173</v>
      </c>
      <c r="K7" s="1" t="s">
        <v>470</v>
      </c>
      <c r="L7" s="1" t="s">
        <v>68</v>
      </c>
      <c r="O7" s="1" t="s">
        <v>212</v>
      </c>
      <c r="P7" s="1" t="s">
        <v>38</v>
      </c>
      <c r="Q7" s="1" t="s">
        <v>80</v>
      </c>
      <c r="R7" s="1" t="s">
        <v>322</v>
      </c>
      <c r="S7" s="1" t="s">
        <v>137</v>
      </c>
      <c r="T7" s="1" t="s">
        <v>62</v>
      </c>
      <c r="U7" s="1">
        <v>10</v>
      </c>
      <c r="V7" s="1">
        <v>4900</v>
      </c>
      <c r="W7" s="1"/>
      <c r="X7" s="1">
        <v>5.2</v>
      </c>
      <c r="Y7" s="1">
        <v>6.6000000000000003E-2</v>
      </c>
      <c r="Z7" s="1">
        <v>0.01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3.3000000000000002E-2</v>
      </c>
      <c r="BC7" s="1">
        <v>4.8</v>
      </c>
      <c r="BD7" s="1">
        <v>4.8</v>
      </c>
      <c r="BE7" s="1"/>
      <c r="BF7" s="1"/>
      <c r="BG7" s="1"/>
      <c r="BH7" s="1"/>
      <c r="BI7" s="1"/>
      <c r="BJ7" s="1"/>
      <c r="BK7" s="1"/>
      <c r="BL7" s="1"/>
      <c r="BM7" s="1">
        <v>0.02</v>
      </c>
      <c r="BN7" s="1">
        <v>4.7E-2</v>
      </c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44</v>
      </c>
      <c r="B8" s="2">
        <v>0.22916666666666666</v>
      </c>
      <c r="C8" s="1" t="s">
        <v>645</v>
      </c>
      <c r="D8" s="1" t="s">
        <v>27</v>
      </c>
      <c r="F8" s="1" t="s">
        <v>258</v>
      </c>
      <c r="G8" s="1" t="s">
        <v>471</v>
      </c>
      <c r="I8" s="1" t="s">
        <v>218</v>
      </c>
      <c r="J8" s="1" t="s">
        <v>91</v>
      </c>
      <c r="K8" s="1" t="s">
        <v>472</v>
      </c>
      <c r="L8" s="1" t="s">
        <v>68</v>
      </c>
      <c r="O8" s="1" t="s">
        <v>212</v>
      </c>
      <c r="P8" s="1" t="s">
        <v>38</v>
      </c>
      <c r="Q8" s="1" t="s">
        <v>168</v>
      </c>
      <c r="R8" s="1" t="s">
        <v>374</v>
      </c>
      <c r="S8" s="1" t="s">
        <v>294</v>
      </c>
      <c r="T8" s="1" t="s">
        <v>213</v>
      </c>
      <c r="U8" s="1">
        <v>6.2</v>
      </c>
      <c r="V8" s="1">
        <v>7900</v>
      </c>
      <c r="W8" s="1"/>
      <c r="X8" s="1">
        <v>5</v>
      </c>
      <c r="Y8" s="1">
        <v>7.2999999999999995E-2</v>
      </c>
      <c r="Z8" s="1">
        <v>0.01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2.1999999999999999E-2</v>
      </c>
      <c r="BC8" s="1">
        <v>4.9000000000000004</v>
      </c>
      <c r="BD8" s="1">
        <v>4.9000000000000004</v>
      </c>
      <c r="BE8" s="1"/>
      <c r="BF8" s="1"/>
      <c r="BG8" s="1"/>
      <c r="BH8" s="1"/>
      <c r="BI8" s="1"/>
      <c r="BJ8" s="1"/>
      <c r="BK8" s="1"/>
      <c r="BL8" s="1"/>
      <c r="BM8" s="1">
        <v>0.04</v>
      </c>
      <c r="BN8" s="1">
        <v>5.6000000000000001E-2</v>
      </c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49</v>
      </c>
      <c r="B9" s="2">
        <v>0.25694444444444448</v>
      </c>
      <c r="C9" s="1" t="s">
        <v>645</v>
      </c>
      <c r="D9" s="1" t="s">
        <v>27</v>
      </c>
      <c r="F9" s="1" t="s">
        <v>425</v>
      </c>
      <c r="G9" s="1" t="s">
        <v>122</v>
      </c>
      <c r="I9" s="1" t="s">
        <v>45</v>
      </c>
      <c r="J9" s="1" t="s">
        <v>91</v>
      </c>
      <c r="K9" s="1" t="s">
        <v>473</v>
      </c>
      <c r="L9" s="1" t="s">
        <v>474</v>
      </c>
      <c r="O9" s="1" t="s">
        <v>212</v>
      </c>
      <c r="P9" s="1" t="s">
        <v>38</v>
      </c>
      <c r="Q9" s="1" t="s">
        <v>168</v>
      </c>
      <c r="R9" s="1" t="s">
        <v>131</v>
      </c>
      <c r="S9" s="1" t="s">
        <v>475</v>
      </c>
      <c r="T9" s="1" t="s">
        <v>97</v>
      </c>
      <c r="U9" s="1">
        <v>6.6</v>
      </c>
      <c r="V9" s="1">
        <v>17000</v>
      </c>
      <c r="W9" s="1"/>
      <c r="X9" s="1">
        <v>4.9000000000000004</v>
      </c>
      <c r="Y9" s="1">
        <v>0.15</v>
      </c>
      <c r="Z9" s="1">
        <v>1.2E-2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1.2999999999999999E-2</v>
      </c>
      <c r="BC9" s="1">
        <v>4.7</v>
      </c>
      <c r="BD9" s="1">
        <v>4.7</v>
      </c>
      <c r="BE9" s="1"/>
      <c r="BF9" s="1"/>
      <c r="BG9" s="1"/>
      <c r="BH9" s="1"/>
      <c r="BI9" s="1"/>
      <c r="BJ9" s="1"/>
      <c r="BK9" s="1"/>
      <c r="BL9" s="1"/>
      <c r="BM9" s="1">
        <v>0.02</v>
      </c>
      <c r="BN9" s="1">
        <v>0.13</v>
      </c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55</v>
      </c>
      <c r="B10" s="2">
        <v>0.62847222222222221</v>
      </c>
      <c r="C10" s="1" t="s">
        <v>645</v>
      </c>
      <c r="D10" s="1" t="s">
        <v>27</v>
      </c>
      <c r="F10" s="1" t="s">
        <v>149</v>
      </c>
      <c r="G10" s="1" t="s">
        <v>467</v>
      </c>
      <c r="I10" s="1" t="s">
        <v>31</v>
      </c>
      <c r="J10" s="1" t="s">
        <v>218</v>
      </c>
      <c r="K10" s="1" t="s">
        <v>219</v>
      </c>
      <c r="L10" s="1" t="s">
        <v>68</v>
      </c>
      <c r="O10" s="1" t="s">
        <v>212</v>
      </c>
      <c r="P10" s="1" t="s">
        <v>38</v>
      </c>
      <c r="Q10" s="1" t="s">
        <v>168</v>
      </c>
      <c r="R10" s="1" t="s">
        <v>322</v>
      </c>
      <c r="S10" s="1" t="s">
        <v>185</v>
      </c>
      <c r="T10" s="1" t="s">
        <v>213</v>
      </c>
      <c r="U10" s="1">
        <v>9.9</v>
      </c>
      <c r="V10" s="1">
        <v>11000</v>
      </c>
      <c r="W10" s="1"/>
      <c r="X10" s="1">
        <v>5.7</v>
      </c>
      <c r="Y10" s="1">
        <v>0.14000000000000001</v>
      </c>
      <c r="Z10" s="1">
        <v>1.4999999999999999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1.7000000000000001E-2</v>
      </c>
      <c r="BC10" s="1">
        <v>5.5</v>
      </c>
      <c r="BD10" s="1">
        <v>5.5</v>
      </c>
      <c r="BE10" s="1"/>
      <c r="BF10" s="1"/>
      <c r="BG10" s="1"/>
      <c r="BH10" s="1"/>
      <c r="BI10" s="1"/>
      <c r="BJ10" s="1"/>
      <c r="BK10" s="1"/>
      <c r="BL10" s="1"/>
      <c r="BM10" s="1">
        <v>0.02</v>
      </c>
      <c r="BN10" s="1">
        <v>0.12</v>
      </c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60</v>
      </c>
      <c r="B11" s="2">
        <v>0.34722222222222227</v>
      </c>
      <c r="C11" s="1" t="s">
        <v>645</v>
      </c>
      <c r="D11" s="1" t="s">
        <v>27</v>
      </c>
      <c r="F11" s="1" t="s">
        <v>29</v>
      </c>
      <c r="G11" s="1" t="s">
        <v>476</v>
      </c>
      <c r="I11" s="1" t="s">
        <v>173</v>
      </c>
      <c r="J11" s="1" t="s">
        <v>173</v>
      </c>
      <c r="K11" s="1" t="s">
        <v>477</v>
      </c>
      <c r="L11" s="1" t="s">
        <v>478</v>
      </c>
      <c r="O11" s="1" t="s">
        <v>212</v>
      </c>
      <c r="P11" s="1" t="s">
        <v>466</v>
      </c>
      <c r="Q11" s="1" t="s">
        <v>231</v>
      </c>
      <c r="R11" s="1" t="s">
        <v>306</v>
      </c>
      <c r="S11" s="1" t="s">
        <v>341</v>
      </c>
      <c r="T11" s="1" t="s">
        <v>412</v>
      </c>
      <c r="U11" s="1">
        <v>7.4</v>
      </c>
      <c r="V11" s="1">
        <v>79000</v>
      </c>
      <c r="W11" s="1"/>
      <c r="X11" s="1">
        <v>4.2</v>
      </c>
      <c r="Y11" s="1">
        <v>0.11</v>
      </c>
      <c r="Z11" s="1">
        <v>2.5000000000000001E-2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4.2000000000000003E-2</v>
      </c>
      <c r="BC11" s="1">
        <v>2.8</v>
      </c>
      <c r="BD11" s="1">
        <v>2.8</v>
      </c>
      <c r="BE11" s="1"/>
      <c r="BF11" s="1"/>
      <c r="BG11" s="1"/>
      <c r="BH11" s="1"/>
      <c r="BI11" s="1"/>
      <c r="BJ11" s="1"/>
      <c r="BK11" s="1"/>
      <c r="BL11" s="1"/>
      <c r="BM11" s="1">
        <v>0.25</v>
      </c>
      <c r="BN11" s="1">
        <v>6.9000000000000006E-2</v>
      </c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54</v>
      </c>
      <c r="B12" s="2">
        <v>0.34722222222222227</v>
      </c>
      <c r="C12" s="1" t="s">
        <v>645</v>
      </c>
      <c r="D12" s="1" t="s">
        <v>27</v>
      </c>
      <c r="F12" s="1" t="s">
        <v>267</v>
      </c>
      <c r="G12" s="1" t="s">
        <v>30</v>
      </c>
      <c r="I12" s="1" t="s">
        <v>276</v>
      </c>
      <c r="J12" s="1" t="s">
        <v>218</v>
      </c>
      <c r="K12" s="1" t="s">
        <v>243</v>
      </c>
      <c r="L12" s="1" t="s">
        <v>479</v>
      </c>
      <c r="O12" s="1" t="s">
        <v>212</v>
      </c>
      <c r="P12" s="1" t="s">
        <v>38</v>
      </c>
      <c r="Q12" s="1" t="s">
        <v>195</v>
      </c>
      <c r="R12" s="1" t="s">
        <v>322</v>
      </c>
      <c r="S12" s="1" t="s">
        <v>42</v>
      </c>
      <c r="T12" s="1" t="s">
        <v>206</v>
      </c>
      <c r="U12" s="1">
        <v>7.6</v>
      </c>
      <c r="V12" s="1">
        <v>23000</v>
      </c>
      <c r="W12" s="1"/>
      <c r="X12" s="1">
        <v>5.4</v>
      </c>
      <c r="Y12" s="1">
        <v>0.11</v>
      </c>
      <c r="Z12" s="1">
        <v>2.4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2</v>
      </c>
      <c r="BC12" s="1">
        <v>4.8</v>
      </c>
      <c r="BD12" s="1">
        <v>4.8</v>
      </c>
      <c r="BE12" s="1"/>
      <c r="BF12" s="1"/>
      <c r="BG12" s="1"/>
      <c r="BH12" s="1"/>
      <c r="BI12" s="1"/>
      <c r="BJ12" s="1"/>
      <c r="BK12" s="1"/>
      <c r="BL12" s="1"/>
      <c r="BM12" s="1">
        <v>0.03</v>
      </c>
      <c r="BN12" s="1">
        <v>0.09</v>
      </c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0</v>
      </c>
      <c r="B13" s="2">
        <v>0.44930555555555557</v>
      </c>
      <c r="C13" s="1" t="s">
        <v>645</v>
      </c>
      <c r="D13" s="1" t="s">
        <v>54</v>
      </c>
      <c r="F13" s="1" t="s">
        <v>213</v>
      </c>
      <c r="G13" s="1" t="s">
        <v>195</v>
      </c>
      <c r="I13" s="1" t="s">
        <v>269</v>
      </c>
      <c r="J13" s="1" t="s">
        <v>413</v>
      </c>
      <c r="K13" s="1" t="s">
        <v>320</v>
      </c>
      <c r="L13" s="1" t="s">
        <v>68</v>
      </c>
      <c r="O13" s="1" t="s">
        <v>212</v>
      </c>
      <c r="P13" s="1" t="s">
        <v>38</v>
      </c>
      <c r="Q13" s="1" t="s">
        <v>195</v>
      </c>
      <c r="R13" s="1" t="s">
        <v>306</v>
      </c>
      <c r="S13" s="1" t="s">
        <v>236</v>
      </c>
      <c r="T13" s="1" t="s">
        <v>283</v>
      </c>
      <c r="U13" s="1">
        <v>11</v>
      </c>
      <c r="V13" s="1">
        <v>2300</v>
      </c>
      <c r="W13" s="1"/>
      <c r="X13" s="1">
        <v>6.4</v>
      </c>
      <c r="Y13" s="1">
        <v>9.7000000000000003E-2</v>
      </c>
      <c r="Z13" s="1">
        <v>2.5000000000000001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2.5000000000000001E-2</v>
      </c>
      <c r="BC13" s="1">
        <v>6.3</v>
      </c>
      <c r="BD13" s="1">
        <v>6.3</v>
      </c>
      <c r="BE13" s="1"/>
      <c r="BF13" s="1"/>
      <c r="BG13" s="1"/>
      <c r="BH13" s="1"/>
      <c r="BI13" s="1"/>
      <c r="BJ13" s="1"/>
      <c r="BK13" s="1"/>
      <c r="BL13" s="1"/>
      <c r="BM13" s="1">
        <v>0.03</v>
      </c>
      <c r="BN13" s="1">
        <v>6.0999999999999999E-2</v>
      </c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84</v>
      </c>
      <c r="B14" s="2">
        <v>0.57430555555555551</v>
      </c>
      <c r="C14" s="1" t="s">
        <v>645</v>
      </c>
      <c r="D14" s="1" t="s">
        <v>54</v>
      </c>
      <c r="F14" s="1" t="s">
        <v>453</v>
      </c>
      <c r="G14" s="1" t="s">
        <v>480</v>
      </c>
      <c r="I14" s="1" t="s">
        <v>430</v>
      </c>
      <c r="J14" s="1" t="s">
        <v>173</v>
      </c>
      <c r="K14" s="1" t="s">
        <v>470</v>
      </c>
      <c r="L14" s="1" t="s">
        <v>68</v>
      </c>
      <c r="O14" s="1" t="s">
        <v>212</v>
      </c>
      <c r="P14" s="1" t="s">
        <v>38</v>
      </c>
      <c r="Q14" s="1" t="s">
        <v>80</v>
      </c>
      <c r="R14" s="1" t="s">
        <v>129</v>
      </c>
      <c r="S14" s="1" t="s">
        <v>236</v>
      </c>
      <c r="T14" s="1" t="s">
        <v>119</v>
      </c>
      <c r="U14" s="1">
        <v>12</v>
      </c>
      <c r="V14" s="1">
        <v>3300</v>
      </c>
      <c r="W14" s="1"/>
      <c r="X14" s="1">
        <v>8.1999999999999993</v>
      </c>
      <c r="Y14" s="1">
        <v>0.23</v>
      </c>
      <c r="Z14" s="1">
        <v>2.5000000000000001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8.1</v>
      </c>
      <c r="BD14" s="1">
        <v>8.1</v>
      </c>
      <c r="BE14" s="1"/>
      <c r="BF14" s="1"/>
      <c r="BG14" s="1"/>
      <c r="BH14" s="1"/>
      <c r="BI14" s="1"/>
      <c r="BJ14" s="1"/>
      <c r="BK14" s="1"/>
      <c r="BL14" s="1"/>
      <c r="BM14" s="1">
        <v>0.01</v>
      </c>
      <c r="BN14" s="1">
        <v>0.2</v>
      </c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6</v>
      </c>
      <c r="B15" s="2">
        <v>0.41944444444444445</v>
      </c>
      <c r="C15" s="1" t="s">
        <v>645</v>
      </c>
      <c r="D15" s="1" t="s">
        <v>27</v>
      </c>
      <c r="F15" s="1" t="s">
        <v>481</v>
      </c>
      <c r="G15" s="1" t="s">
        <v>482</v>
      </c>
      <c r="I15" s="1" t="s">
        <v>218</v>
      </c>
      <c r="J15" s="1" t="s">
        <v>210</v>
      </c>
      <c r="K15" s="1" t="s">
        <v>223</v>
      </c>
      <c r="L15" s="1" t="s">
        <v>68</v>
      </c>
      <c r="O15" s="1" t="s">
        <v>212</v>
      </c>
      <c r="P15" s="1" t="s">
        <v>38</v>
      </c>
      <c r="Q15" s="1" t="s">
        <v>168</v>
      </c>
      <c r="R15" s="1" t="s">
        <v>137</v>
      </c>
      <c r="S15" s="1" t="s">
        <v>273</v>
      </c>
      <c r="T15" s="1" t="s">
        <v>206</v>
      </c>
      <c r="U15" s="1">
        <v>9.8000000000000007</v>
      </c>
      <c r="V15" s="1">
        <v>2300</v>
      </c>
      <c r="W15" s="1"/>
      <c r="X15" s="1">
        <v>4.7</v>
      </c>
      <c r="Y15" s="1">
        <v>0.23</v>
      </c>
      <c r="Z15" s="1">
        <v>3.6999999999999998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1.6E-2</v>
      </c>
      <c r="BC15" s="1">
        <v>4.5999999999999996</v>
      </c>
      <c r="BD15" s="1">
        <v>4.5999999999999996</v>
      </c>
      <c r="BE15" s="1"/>
      <c r="BF15" s="1"/>
      <c r="BG15" s="1"/>
      <c r="BH15" s="1"/>
      <c r="BI15" s="1"/>
      <c r="BJ15" s="1"/>
      <c r="BK15" s="1"/>
      <c r="BL15" s="1"/>
      <c r="BM15" s="1">
        <v>0.04</v>
      </c>
      <c r="BN15" s="1">
        <v>0.19</v>
      </c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  <row r="511" spans="21:21" x14ac:dyDescent="0.15">
      <c r="U511" s="1"/>
    </row>
    <row r="512" spans="21:21" x14ac:dyDescent="0.15">
      <c r="U512" s="1"/>
    </row>
    <row r="513" spans="21:21" x14ac:dyDescent="0.15">
      <c r="U513" s="1"/>
    </row>
    <row r="514" spans="21:21" x14ac:dyDescent="0.15">
      <c r="U514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97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56</v>
      </c>
      <c r="C1" s="1" t="s">
        <v>1</v>
      </c>
      <c r="D1" s="1" t="s">
        <v>657</v>
      </c>
      <c r="E1" s="1" t="s">
        <v>2</v>
      </c>
      <c r="F1" s="1" t="s">
        <v>636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6</v>
      </c>
      <c r="AB2" s="1" t="s">
        <v>705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2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9166666666666669</v>
      </c>
      <c r="C4" s="1" t="s">
        <v>645</v>
      </c>
      <c r="D4" s="1" t="s">
        <v>27</v>
      </c>
      <c r="F4" s="1" t="s">
        <v>207</v>
      </c>
      <c r="G4" s="1" t="s">
        <v>284</v>
      </c>
      <c r="I4" s="1" t="s">
        <v>210</v>
      </c>
      <c r="J4" s="1" t="s">
        <v>157</v>
      </c>
      <c r="K4" s="1" t="s">
        <v>483</v>
      </c>
      <c r="L4" s="1" t="s">
        <v>68</v>
      </c>
      <c r="O4" s="1" t="s">
        <v>465</v>
      </c>
      <c r="P4" s="1" t="s">
        <v>466</v>
      </c>
      <c r="Q4" s="1" t="s">
        <v>49</v>
      </c>
      <c r="R4" s="1" t="s">
        <v>322</v>
      </c>
      <c r="S4" s="1" t="s">
        <v>194</v>
      </c>
      <c r="T4" s="1" t="s">
        <v>206</v>
      </c>
      <c r="U4" s="1">
        <v>8.9</v>
      </c>
      <c r="V4" s="1">
        <v>7000</v>
      </c>
      <c r="W4" s="1"/>
      <c r="X4" s="1">
        <v>5.2</v>
      </c>
      <c r="Y4" s="1">
        <v>2.8000000000000001E-2</v>
      </c>
      <c r="Z4" s="1">
        <v>5.000000000000000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4.5999999999999999E-2</v>
      </c>
      <c r="BC4" s="1">
        <v>4.0999999999999996</v>
      </c>
      <c r="BD4" s="1">
        <v>4.0999999999999996</v>
      </c>
      <c r="BE4" s="1"/>
      <c r="BF4" s="1"/>
      <c r="BG4" s="1"/>
      <c r="BH4" s="1"/>
      <c r="BI4" s="1"/>
      <c r="BJ4" s="1"/>
      <c r="BK4" s="1"/>
      <c r="BL4" s="1"/>
      <c r="BM4" s="1">
        <v>0.02</v>
      </c>
      <c r="BN4" s="1">
        <v>1.2E-2</v>
      </c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53</v>
      </c>
      <c r="B5" s="2">
        <v>0.44722222222222219</v>
      </c>
      <c r="C5" s="1" t="s">
        <v>645</v>
      </c>
      <c r="D5" s="1" t="s">
        <v>54</v>
      </c>
      <c r="F5" s="1" t="s">
        <v>326</v>
      </c>
      <c r="G5" s="1" t="s">
        <v>390</v>
      </c>
      <c r="I5" s="1" t="s">
        <v>484</v>
      </c>
      <c r="J5" s="1" t="s">
        <v>157</v>
      </c>
      <c r="K5" s="1" t="s">
        <v>485</v>
      </c>
      <c r="L5" s="1" t="s">
        <v>68</v>
      </c>
      <c r="O5" s="1" t="s">
        <v>465</v>
      </c>
      <c r="P5" s="1" t="s">
        <v>466</v>
      </c>
      <c r="Q5" s="1" t="s">
        <v>168</v>
      </c>
      <c r="R5" s="1" t="s">
        <v>219</v>
      </c>
      <c r="S5" s="1" t="s">
        <v>385</v>
      </c>
      <c r="T5" s="1" t="s">
        <v>131</v>
      </c>
      <c r="U5" s="1">
        <v>10</v>
      </c>
      <c r="V5" s="1">
        <v>13000</v>
      </c>
      <c r="W5" s="1"/>
      <c r="X5" s="1">
        <v>5.4</v>
      </c>
      <c r="Y5" s="1">
        <v>2.5000000000000001E-2</v>
      </c>
      <c r="Z5" s="1">
        <v>8.9999999999999993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2.5000000000000001E-2</v>
      </c>
      <c r="BC5" s="1">
        <v>5.3</v>
      </c>
      <c r="BD5" s="1">
        <v>5.3</v>
      </c>
      <c r="BE5" s="1"/>
      <c r="BF5" s="1"/>
      <c r="BG5" s="1"/>
      <c r="BH5" s="1"/>
      <c r="BI5" s="1"/>
      <c r="BJ5" s="1"/>
      <c r="BK5" s="1"/>
      <c r="BL5" s="1"/>
      <c r="BM5" s="1">
        <v>0.03</v>
      </c>
      <c r="BN5" s="1">
        <v>2.1000000000000001E-2</v>
      </c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27</v>
      </c>
      <c r="B6" s="2">
        <v>0.42430555555555555</v>
      </c>
      <c r="C6" s="1" t="s">
        <v>645</v>
      </c>
      <c r="D6" s="1" t="s">
        <v>232</v>
      </c>
      <c r="F6" s="1" t="s">
        <v>83</v>
      </c>
      <c r="G6" s="1" t="s">
        <v>390</v>
      </c>
      <c r="I6" s="1" t="s">
        <v>33</v>
      </c>
      <c r="J6" s="1" t="s">
        <v>157</v>
      </c>
      <c r="K6" s="1" t="s">
        <v>485</v>
      </c>
      <c r="L6" s="1" t="s">
        <v>68</v>
      </c>
      <c r="O6" s="1" t="s">
        <v>212</v>
      </c>
      <c r="P6" s="1" t="s">
        <v>38</v>
      </c>
      <c r="Q6" s="1" t="s">
        <v>215</v>
      </c>
      <c r="R6" s="1" t="s">
        <v>129</v>
      </c>
      <c r="S6" s="1" t="s">
        <v>177</v>
      </c>
      <c r="T6" s="1" t="s">
        <v>279</v>
      </c>
      <c r="U6" s="1">
        <v>8.9</v>
      </c>
      <c r="V6" s="1">
        <v>49000</v>
      </c>
      <c r="W6" s="1"/>
      <c r="X6" s="1">
        <v>4</v>
      </c>
      <c r="Y6" s="1">
        <v>4.5999999999999999E-2</v>
      </c>
      <c r="Z6" s="1">
        <v>7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3.3000000000000002E-2</v>
      </c>
      <c r="BC6" s="1">
        <v>3.8</v>
      </c>
      <c r="BD6" s="1">
        <v>3.8</v>
      </c>
      <c r="BE6" s="1"/>
      <c r="BF6" s="1"/>
      <c r="BG6" s="1"/>
      <c r="BH6" s="1"/>
      <c r="BI6" s="1"/>
      <c r="BJ6" s="1"/>
      <c r="BK6" s="1"/>
      <c r="BL6" s="1"/>
      <c r="BM6" s="1">
        <v>0.12</v>
      </c>
      <c r="BN6" s="1">
        <v>1.7000000000000001E-2</v>
      </c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8</v>
      </c>
      <c r="B7" s="2">
        <v>0.49305555555555558</v>
      </c>
      <c r="C7" s="1" t="s">
        <v>645</v>
      </c>
      <c r="D7" s="1" t="s">
        <v>27</v>
      </c>
      <c r="F7" s="1" t="s">
        <v>486</v>
      </c>
      <c r="G7" s="1" t="s">
        <v>487</v>
      </c>
      <c r="I7" s="1" t="s">
        <v>218</v>
      </c>
      <c r="J7" s="1" t="s">
        <v>91</v>
      </c>
      <c r="K7" s="1" t="s">
        <v>473</v>
      </c>
      <c r="L7" s="1" t="s">
        <v>68</v>
      </c>
      <c r="O7" s="1" t="s">
        <v>465</v>
      </c>
      <c r="P7" s="1" t="s">
        <v>466</v>
      </c>
      <c r="Q7" s="1" t="s">
        <v>117</v>
      </c>
      <c r="R7" s="1" t="s">
        <v>131</v>
      </c>
      <c r="S7" s="1" t="s">
        <v>294</v>
      </c>
      <c r="T7" s="1" t="s">
        <v>42</v>
      </c>
      <c r="U7" s="1">
        <v>12</v>
      </c>
      <c r="V7" s="1">
        <v>7000</v>
      </c>
      <c r="W7" s="1"/>
      <c r="X7" s="1">
        <v>5</v>
      </c>
      <c r="Y7" s="1">
        <v>2.1999999999999999E-2</v>
      </c>
      <c r="Z7" s="1">
        <v>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2.1000000000000001E-2</v>
      </c>
      <c r="BC7" s="1">
        <v>4.3</v>
      </c>
      <c r="BD7" s="1">
        <v>4.3</v>
      </c>
      <c r="BE7" s="1"/>
      <c r="BF7" s="1"/>
      <c r="BG7" s="1"/>
      <c r="BH7" s="1"/>
      <c r="BI7" s="1"/>
      <c r="BJ7" s="1"/>
      <c r="BK7" s="1"/>
      <c r="BL7" s="1"/>
      <c r="BM7" s="1">
        <v>0.01</v>
      </c>
      <c r="BN7" s="1">
        <v>1.0999999999999999E-2</v>
      </c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44</v>
      </c>
      <c r="B8" s="2">
        <v>0.25</v>
      </c>
      <c r="C8" s="1" t="s">
        <v>645</v>
      </c>
      <c r="D8" s="1" t="s">
        <v>27</v>
      </c>
      <c r="F8" s="1" t="s">
        <v>252</v>
      </c>
      <c r="G8" s="1" t="s">
        <v>488</v>
      </c>
      <c r="I8" s="1" t="s">
        <v>210</v>
      </c>
      <c r="J8" s="1" t="s">
        <v>91</v>
      </c>
      <c r="K8" s="1" t="s">
        <v>473</v>
      </c>
      <c r="L8" s="1" t="s">
        <v>68</v>
      </c>
      <c r="O8" s="1" t="s">
        <v>212</v>
      </c>
      <c r="P8" s="1" t="s">
        <v>38</v>
      </c>
      <c r="Q8" s="1" t="s">
        <v>49</v>
      </c>
      <c r="R8" s="1" t="s">
        <v>306</v>
      </c>
      <c r="S8" s="1" t="s">
        <v>214</v>
      </c>
      <c r="T8" s="1" t="s">
        <v>72</v>
      </c>
      <c r="U8" s="1">
        <v>7.7</v>
      </c>
      <c r="V8" s="1">
        <v>33000</v>
      </c>
      <c r="W8" s="1"/>
      <c r="X8" s="1">
        <v>3.5</v>
      </c>
      <c r="Y8" s="1">
        <v>2.5999999999999999E-2</v>
      </c>
      <c r="Z8" s="1">
        <v>5.000000000000000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2.9000000000000001E-2</v>
      </c>
      <c r="BC8" s="1">
        <v>3.3</v>
      </c>
      <c r="BD8" s="1">
        <v>3.3</v>
      </c>
      <c r="BE8" s="1"/>
      <c r="BF8" s="1"/>
      <c r="BG8" s="1"/>
      <c r="BH8" s="1"/>
      <c r="BI8" s="1"/>
      <c r="BJ8" s="1"/>
      <c r="BK8" s="1"/>
      <c r="BL8" s="1"/>
      <c r="BM8" s="1">
        <v>0.02</v>
      </c>
      <c r="BN8" s="1">
        <v>1.7000000000000001E-2</v>
      </c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49</v>
      </c>
      <c r="B9" s="2">
        <v>0.29166666666666669</v>
      </c>
      <c r="C9" s="1" t="s">
        <v>645</v>
      </c>
      <c r="D9" s="1" t="s">
        <v>27</v>
      </c>
      <c r="F9" s="1" t="s">
        <v>390</v>
      </c>
      <c r="G9" s="1" t="s">
        <v>250</v>
      </c>
      <c r="I9" s="1" t="s">
        <v>57</v>
      </c>
      <c r="J9" s="1" t="s">
        <v>31</v>
      </c>
      <c r="K9" s="1" t="s">
        <v>456</v>
      </c>
      <c r="L9" s="1" t="s">
        <v>68</v>
      </c>
      <c r="O9" s="1" t="s">
        <v>212</v>
      </c>
      <c r="P9" s="1" t="s">
        <v>38</v>
      </c>
      <c r="Q9" s="1" t="s">
        <v>39</v>
      </c>
      <c r="R9" s="1" t="s">
        <v>219</v>
      </c>
      <c r="S9" s="1" t="s">
        <v>81</v>
      </c>
      <c r="T9" s="1" t="s">
        <v>131</v>
      </c>
      <c r="U9" s="1">
        <v>8</v>
      </c>
      <c r="V9" s="1">
        <v>11000</v>
      </c>
      <c r="W9" s="1"/>
      <c r="X9" s="1">
        <v>3.2</v>
      </c>
      <c r="Y9" s="1">
        <v>3.1E-2</v>
      </c>
      <c r="Z9" s="1">
        <v>3.0000000000000001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2.1000000000000001E-2</v>
      </c>
      <c r="BC9" s="1">
        <v>3.1</v>
      </c>
      <c r="BD9" s="1">
        <v>3.1</v>
      </c>
      <c r="BE9" s="1"/>
      <c r="BF9" s="1"/>
      <c r="BG9" s="1"/>
      <c r="BH9" s="1"/>
      <c r="BI9" s="1"/>
      <c r="BJ9" s="1"/>
      <c r="BK9" s="1"/>
      <c r="BL9" s="1"/>
      <c r="BM9" s="1">
        <v>0.02</v>
      </c>
      <c r="BN9" s="1">
        <v>2.5000000000000001E-2</v>
      </c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55</v>
      </c>
      <c r="B10" s="2">
        <v>0.65138888888888891</v>
      </c>
      <c r="C10" s="1" t="s">
        <v>645</v>
      </c>
      <c r="D10" s="1" t="s">
        <v>27</v>
      </c>
      <c r="F10" s="1" t="s">
        <v>397</v>
      </c>
      <c r="G10" s="1" t="s">
        <v>321</v>
      </c>
      <c r="I10" s="1" t="s">
        <v>489</v>
      </c>
      <c r="J10" s="1" t="s">
        <v>157</v>
      </c>
      <c r="K10" s="1" t="s">
        <v>483</v>
      </c>
      <c r="L10" s="1" t="s">
        <v>68</v>
      </c>
      <c r="O10" s="1" t="s">
        <v>212</v>
      </c>
      <c r="P10" s="1" t="s">
        <v>466</v>
      </c>
      <c r="Q10" s="1" t="s">
        <v>41</v>
      </c>
      <c r="R10" s="1" t="s">
        <v>131</v>
      </c>
      <c r="S10" s="1" t="s">
        <v>241</v>
      </c>
      <c r="T10" s="1" t="s">
        <v>265</v>
      </c>
      <c r="U10" s="1">
        <v>10</v>
      </c>
      <c r="V10" s="1">
        <v>14000</v>
      </c>
      <c r="W10" s="1"/>
      <c r="X10" s="1">
        <v>5.2</v>
      </c>
      <c r="Y10" s="1">
        <v>9.8000000000000004E-2</v>
      </c>
      <c r="Z10" s="1">
        <v>1.0999999999999999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2.8000000000000001E-2</v>
      </c>
      <c r="BC10" s="1">
        <v>5</v>
      </c>
      <c r="BD10" s="1">
        <v>5</v>
      </c>
      <c r="BE10" s="1"/>
      <c r="BF10" s="1"/>
      <c r="BG10" s="1"/>
      <c r="BH10" s="1"/>
      <c r="BI10" s="1"/>
      <c r="BJ10" s="1"/>
      <c r="BK10" s="1"/>
      <c r="BL10" s="1"/>
      <c r="BM10" s="1">
        <v>0.01</v>
      </c>
      <c r="BN10" s="1">
        <v>6.4000000000000001E-2</v>
      </c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60</v>
      </c>
      <c r="B11" s="2">
        <v>0.375</v>
      </c>
      <c r="C11" s="1" t="s">
        <v>645</v>
      </c>
      <c r="D11" s="1" t="s">
        <v>27</v>
      </c>
      <c r="F11" s="1" t="s">
        <v>450</v>
      </c>
      <c r="G11" s="1" t="s">
        <v>267</v>
      </c>
      <c r="I11" s="1" t="s">
        <v>134</v>
      </c>
      <c r="J11" s="1" t="s">
        <v>157</v>
      </c>
      <c r="K11" s="1" t="s">
        <v>490</v>
      </c>
      <c r="L11" s="1" t="s">
        <v>68</v>
      </c>
      <c r="O11" s="1" t="s">
        <v>212</v>
      </c>
      <c r="P11" s="1" t="s">
        <v>466</v>
      </c>
      <c r="Q11" s="1" t="s">
        <v>213</v>
      </c>
      <c r="R11" s="1" t="s">
        <v>374</v>
      </c>
      <c r="S11" s="1" t="s">
        <v>81</v>
      </c>
      <c r="T11" s="1" t="s">
        <v>72</v>
      </c>
      <c r="U11" s="1">
        <v>8.6999999999999993</v>
      </c>
      <c r="V11" s="1">
        <v>33000</v>
      </c>
      <c r="W11" s="1"/>
      <c r="X11" s="1">
        <v>3.2</v>
      </c>
      <c r="Y11" s="1">
        <v>4.2000000000000003E-2</v>
      </c>
      <c r="Z11" s="1">
        <v>8.000000000000000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1.7999999999999999E-2</v>
      </c>
      <c r="BC11" s="1">
        <v>2.7</v>
      </c>
      <c r="BD11" s="1">
        <v>2.7</v>
      </c>
      <c r="BE11" s="1"/>
      <c r="BF11" s="1"/>
      <c r="BG11" s="1"/>
      <c r="BH11" s="1"/>
      <c r="BI11" s="1"/>
      <c r="BJ11" s="1"/>
      <c r="BK11" s="1"/>
      <c r="BL11" s="1"/>
      <c r="BM11" s="1">
        <v>0.05</v>
      </c>
      <c r="BN11" s="1">
        <v>3.1E-2</v>
      </c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54</v>
      </c>
      <c r="B12" s="2">
        <v>0.375</v>
      </c>
      <c r="C12" s="1" t="s">
        <v>645</v>
      </c>
      <c r="D12" s="1" t="s">
        <v>27</v>
      </c>
      <c r="F12" s="1" t="s">
        <v>267</v>
      </c>
      <c r="G12" s="1" t="s">
        <v>261</v>
      </c>
      <c r="I12" s="1" t="s">
        <v>276</v>
      </c>
      <c r="J12" s="1" t="s">
        <v>157</v>
      </c>
      <c r="K12" s="1" t="s">
        <v>485</v>
      </c>
      <c r="L12" s="1" t="s">
        <v>68</v>
      </c>
      <c r="O12" s="1" t="s">
        <v>212</v>
      </c>
      <c r="P12" s="1" t="s">
        <v>38</v>
      </c>
      <c r="Q12" s="1" t="s">
        <v>215</v>
      </c>
      <c r="R12" s="1" t="s">
        <v>104</v>
      </c>
      <c r="S12" s="1" t="s">
        <v>273</v>
      </c>
      <c r="T12" s="1" t="s">
        <v>72</v>
      </c>
      <c r="U12" s="1">
        <v>8</v>
      </c>
      <c r="V12" s="1">
        <v>49000</v>
      </c>
      <c r="W12" s="1"/>
      <c r="X12" s="1">
        <v>3</v>
      </c>
      <c r="Y12" s="1">
        <v>4.1000000000000002E-2</v>
      </c>
      <c r="Z12" s="1">
        <v>7.0000000000000001E-3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03</v>
      </c>
      <c r="BC12" s="1">
        <v>2.8</v>
      </c>
      <c r="BD12" s="1">
        <v>2.8</v>
      </c>
      <c r="BE12" s="1"/>
      <c r="BF12" s="1"/>
      <c r="BG12" s="1"/>
      <c r="BH12" s="1"/>
      <c r="BI12" s="1"/>
      <c r="BJ12" s="1"/>
      <c r="BK12" s="1"/>
      <c r="BL12" s="1"/>
      <c r="BM12" s="1">
        <v>0.03</v>
      </c>
      <c r="BN12" s="1">
        <v>2.5999999999999999E-2</v>
      </c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0</v>
      </c>
      <c r="B13" s="2">
        <v>0.47638888888888892</v>
      </c>
      <c r="C13" s="1" t="s">
        <v>645</v>
      </c>
      <c r="D13" s="1" t="s">
        <v>54</v>
      </c>
      <c r="F13" s="1" t="s">
        <v>213</v>
      </c>
      <c r="G13" s="1" t="s">
        <v>153</v>
      </c>
      <c r="I13" s="1" t="s">
        <v>173</v>
      </c>
      <c r="J13" s="1" t="s">
        <v>91</v>
      </c>
      <c r="K13" s="1" t="s">
        <v>374</v>
      </c>
      <c r="L13" s="1" t="s">
        <v>68</v>
      </c>
      <c r="O13" s="1" t="s">
        <v>212</v>
      </c>
      <c r="P13" s="1" t="s">
        <v>38</v>
      </c>
      <c r="Q13" s="1" t="s">
        <v>231</v>
      </c>
      <c r="R13" s="1" t="s">
        <v>118</v>
      </c>
      <c r="S13" s="1" t="s">
        <v>194</v>
      </c>
      <c r="T13" s="1" t="s">
        <v>206</v>
      </c>
      <c r="U13" s="1">
        <v>13</v>
      </c>
      <c r="V13" s="1">
        <v>940</v>
      </c>
      <c r="W13" s="1"/>
      <c r="X13" s="1">
        <v>3.6</v>
      </c>
      <c r="Y13" s="1">
        <v>2.9000000000000001E-2</v>
      </c>
      <c r="Z13" s="1">
        <v>4.0000000000000001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2.5999999999999999E-2</v>
      </c>
      <c r="BC13" s="1">
        <v>3.5</v>
      </c>
      <c r="BD13" s="1">
        <v>3.5</v>
      </c>
      <c r="BE13" s="1"/>
      <c r="BF13" s="1"/>
      <c r="BG13" s="1"/>
      <c r="BH13" s="1"/>
      <c r="BI13" s="1"/>
      <c r="BJ13" s="1"/>
      <c r="BK13" s="1"/>
      <c r="BL13" s="1"/>
      <c r="BM13" s="1">
        <v>0.02</v>
      </c>
      <c r="BN13" s="1">
        <v>1.7999999999999999E-2</v>
      </c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84</v>
      </c>
      <c r="B14" s="2">
        <v>0.4284722222222222</v>
      </c>
      <c r="C14" s="1" t="s">
        <v>645</v>
      </c>
      <c r="D14" s="1" t="s">
        <v>27</v>
      </c>
      <c r="F14" s="1" t="s">
        <v>119</v>
      </c>
      <c r="G14" s="1" t="s">
        <v>221</v>
      </c>
      <c r="I14" s="1" t="s">
        <v>276</v>
      </c>
      <c r="J14" s="1" t="s">
        <v>173</v>
      </c>
      <c r="K14" s="1" t="s">
        <v>491</v>
      </c>
      <c r="L14" s="1" t="s">
        <v>68</v>
      </c>
      <c r="O14" s="1" t="s">
        <v>212</v>
      </c>
      <c r="P14" s="1" t="s">
        <v>38</v>
      </c>
      <c r="Q14" s="1" t="s">
        <v>41</v>
      </c>
      <c r="R14" s="1" t="s">
        <v>306</v>
      </c>
      <c r="S14" s="1" t="s">
        <v>411</v>
      </c>
      <c r="T14" s="1" t="s">
        <v>42</v>
      </c>
      <c r="U14" s="1">
        <v>11</v>
      </c>
      <c r="V14" s="1">
        <v>7900</v>
      </c>
      <c r="W14" s="1"/>
      <c r="X14" s="1">
        <v>3.1</v>
      </c>
      <c r="Y14" s="1">
        <v>4.1000000000000002E-2</v>
      </c>
      <c r="Z14" s="1">
        <v>7.0000000000000001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3.3000000000000002E-2</v>
      </c>
      <c r="BC14" s="1">
        <v>3</v>
      </c>
      <c r="BD14" s="1">
        <v>3</v>
      </c>
      <c r="BE14" s="1"/>
      <c r="BF14" s="1"/>
      <c r="BG14" s="1"/>
      <c r="BH14" s="1"/>
      <c r="BI14" s="1"/>
      <c r="BJ14" s="1"/>
      <c r="BK14" s="1"/>
      <c r="BL14" s="1"/>
      <c r="BM14" s="1">
        <v>0.04</v>
      </c>
      <c r="BN14" s="1">
        <v>2.3E-2</v>
      </c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6</v>
      </c>
      <c r="B15" s="2">
        <v>0.44513888888888892</v>
      </c>
      <c r="C15" s="1" t="s">
        <v>645</v>
      </c>
      <c r="D15" s="1" t="s">
        <v>27</v>
      </c>
      <c r="F15" s="1" t="s">
        <v>409</v>
      </c>
      <c r="G15" s="1" t="s">
        <v>492</v>
      </c>
      <c r="I15" s="1" t="s">
        <v>173</v>
      </c>
      <c r="J15" s="1" t="s">
        <v>31</v>
      </c>
      <c r="K15" s="1" t="s">
        <v>493</v>
      </c>
      <c r="L15" s="1" t="s">
        <v>68</v>
      </c>
      <c r="O15" s="1" t="s">
        <v>212</v>
      </c>
      <c r="P15" s="1" t="s">
        <v>38</v>
      </c>
      <c r="Q15" s="1" t="s">
        <v>39</v>
      </c>
      <c r="R15" s="1" t="s">
        <v>306</v>
      </c>
      <c r="S15" s="1" t="s">
        <v>169</v>
      </c>
      <c r="T15" s="1" t="s">
        <v>97</v>
      </c>
      <c r="U15" s="1">
        <v>10</v>
      </c>
      <c r="V15" s="1">
        <v>7900</v>
      </c>
      <c r="W15" s="1"/>
      <c r="X15" s="1">
        <v>3.2</v>
      </c>
      <c r="Y15" s="1">
        <v>0.04</v>
      </c>
      <c r="Z15" s="1">
        <v>0.01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2.1999999999999999E-2</v>
      </c>
      <c r="BC15" s="1">
        <v>3</v>
      </c>
      <c r="BD15" s="1">
        <v>3</v>
      </c>
      <c r="BE15" s="1"/>
      <c r="BF15" s="1"/>
      <c r="BG15" s="1"/>
      <c r="BH15" s="1"/>
      <c r="BI15" s="1"/>
      <c r="BJ15" s="1"/>
      <c r="BK15" s="1"/>
      <c r="BL15" s="1"/>
      <c r="BM15" s="1">
        <v>0.04</v>
      </c>
      <c r="BN15" s="1">
        <v>2.4E-2</v>
      </c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3" spans="21:21" x14ac:dyDescent="0.15">
      <c r="U483" s="1"/>
    </row>
    <row r="484" spans="21:21" x14ac:dyDescent="0.15">
      <c r="U484" s="1"/>
    </row>
    <row r="485" spans="21:21" x14ac:dyDescent="0.15">
      <c r="U485" s="1"/>
    </row>
    <row r="486" spans="21:21" x14ac:dyDescent="0.15">
      <c r="U486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</sheetData>
  <phoneticPr fontId="18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51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58</v>
      </c>
      <c r="C1" s="1" t="s">
        <v>1</v>
      </c>
      <c r="D1" s="1" t="s">
        <v>659</v>
      </c>
      <c r="E1" s="1" t="s">
        <v>2</v>
      </c>
      <c r="F1" s="1" t="s">
        <v>649</v>
      </c>
      <c r="G1" s="1" t="s">
        <v>3</v>
      </c>
      <c r="H1" s="1" t="s">
        <v>647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638</v>
      </c>
      <c r="V2" s="1" t="s">
        <v>587</v>
      </c>
      <c r="W2" s="1" t="s">
        <v>667</v>
      </c>
      <c r="X2" s="1" t="s">
        <v>588</v>
      </c>
      <c r="Y2" s="1" t="s">
        <v>589</v>
      </c>
      <c r="Z2" s="1" t="s">
        <v>590</v>
      </c>
      <c r="AA2" s="1" t="s">
        <v>695</v>
      </c>
      <c r="AB2" s="1" t="s">
        <v>705</v>
      </c>
      <c r="AC2" s="1" t="s">
        <v>591</v>
      </c>
      <c r="AD2" s="1" t="s">
        <v>592</v>
      </c>
      <c r="AE2" s="1" t="s">
        <v>668</v>
      </c>
      <c r="AF2" s="1" t="s">
        <v>593</v>
      </c>
      <c r="AG2" s="1" t="s">
        <v>594</v>
      </c>
      <c r="AH2" s="1" t="s">
        <v>595</v>
      </c>
      <c r="AI2" s="1" t="s">
        <v>596</v>
      </c>
      <c r="AJ2" s="1" t="s">
        <v>597</v>
      </c>
      <c r="AK2" s="1" t="s">
        <v>598</v>
      </c>
      <c r="AL2" s="1" t="s">
        <v>599</v>
      </c>
      <c r="AM2" s="1" t="s">
        <v>600</v>
      </c>
      <c r="AN2" s="1" t="s">
        <v>601</v>
      </c>
      <c r="AO2" s="1" t="s">
        <v>602</v>
      </c>
      <c r="AP2" t="s">
        <v>692</v>
      </c>
      <c r="AQ2" s="1" t="s">
        <v>603</v>
      </c>
      <c r="AR2" s="1" t="s">
        <v>604</v>
      </c>
      <c r="AS2" s="1" t="s">
        <v>605</v>
      </c>
      <c r="AT2" s="1" t="s">
        <v>679</v>
      </c>
      <c r="AU2" s="1" t="s">
        <v>606</v>
      </c>
      <c r="AV2" s="1" t="s">
        <v>607</v>
      </c>
      <c r="AW2" s="1" t="s">
        <v>608</v>
      </c>
      <c r="AX2" s="1" t="s">
        <v>609</v>
      </c>
      <c r="AY2" s="1" t="s">
        <v>610</v>
      </c>
      <c r="AZ2" s="1" t="s">
        <v>611</v>
      </c>
      <c r="BA2" s="1" t="s">
        <v>612</v>
      </c>
      <c r="BB2" s="1" t="s">
        <v>613</v>
      </c>
      <c r="BC2" s="1" t="s">
        <v>614</v>
      </c>
      <c r="BD2" s="1" t="s">
        <v>615</v>
      </c>
      <c r="BE2" s="1" t="s">
        <v>701</v>
      </c>
      <c r="BF2" s="1" t="s">
        <v>616</v>
      </c>
      <c r="BG2" s="1" t="s">
        <v>680</v>
      </c>
      <c r="BH2" s="1" t="s">
        <v>681</v>
      </c>
      <c r="BI2" s="1" t="s">
        <v>617</v>
      </c>
      <c r="BJ2" s="1" t="s">
        <v>618</v>
      </c>
      <c r="BK2" s="1" t="s">
        <v>619</v>
      </c>
      <c r="BL2" s="1" t="s">
        <v>620</v>
      </c>
      <c r="BM2" s="1" t="s">
        <v>621</v>
      </c>
      <c r="BN2" s="1" t="s">
        <v>622</v>
      </c>
      <c r="BO2" s="1" t="s">
        <v>623</v>
      </c>
      <c r="BP2" s="1" t="s">
        <v>624</v>
      </c>
      <c r="BQ2" s="1" t="s">
        <v>625</v>
      </c>
      <c r="BR2" s="1" t="s">
        <v>626</v>
      </c>
      <c r="BS2" s="1" t="s">
        <v>627</v>
      </c>
      <c r="BT2" s="1" t="s">
        <v>628</v>
      </c>
      <c r="BU2" s="1" t="s">
        <v>629</v>
      </c>
      <c r="BV2" s="1" t="s">
        <v>630</v>
      </c>
      <c r="BW2" s="1" t="s">
        <v>631</v>
      </c>
      <c r="BX2" s="1" t="s">
        <v>632</v>
      </c>
      <c r="BY2" s="1" t="s">
        <v>633</v>
      </c>
      <c r="BZ2" s="1" t="s">
        <v>686</v>
      </c>
    </row>
    <row r="3" spans="1:78" x14ac:dyDescent="0.15">
      <c r="A3" s="1" t="s">
        <v>639</v>
      </c>
      <c r="B3" s="1" t="s">
        <v>640</v>
      </c>
      <c r="C3" s="1"/>
      <c r="D3" s="1"/>
      <c r="E3" s="1"/>
      <c r="F3" s="1" t="s">
        <v>641</v>
      </c>
      <c r="G3" s="1" t="s">
        <v>641</v>
      </c>
      <c r="H3" s="1" t="s">
        <v>642</v>
      </c>
      <c r="I3" s="1" t="s">
        <v>24</v>
      </c>
      <c r="J3" s="1" t="s">
        <v>643</v>
      </c>
      <c r="K3" s="1" t="s">
        <v>643</v>
      </c>
      <c r="L3" s="1" t="s">
        <v>644</v>
      </c>
      <c r="M3" s="1" t="s">
        <v>643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69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87</v>
      </c>
      <c r="BP3" s="1" t="s">
        <v>25</v>
      </c>
      <c r="BQ3" s="1" t="s">
        <v>688</v>
      </c>
      <c r="BR3" s="1" t="s">
        <v>25</v>
      </c>
      <c r="BS3" s="1" t="s">
        <v>25</v>
      </c>
      <c r="BT3" s="1" t="s">
        <v>693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0833333333333334</v>
      </c>
      <c r="C4" s="1" t="s">
        <v>645</v>
      </c>
      <c r="D4" s="1" t="s">
        <v>27</v>
      </c>
      <c r="F4" s="1" t="s">
        <v>494</v>
      </c>
      <c r="G4" s="1" t="s">
        <v>458</v>
      </c>
      <c r="I4" s="1" t="s">
        <v>291</v>
      </c>
      <c r="J4" s="1" t="s">
        <v>320</v>
      </c>
      <c r="K4" s="1" t="s">
        <v>131</v>
      </c>
      <c r="L4" s="1" t="s">
        <v>68</v>
      </c>
      <c r="O4" s="1" t="s">
        <v>212</v>
      </c>
      <c r="P4" s="1" t="s">
        <v>38</v>
      </c>
      <c r="Q4" s="1" t="s">
        <v>495</v>
      </c>
      <c r="R4" s="1" t="s">
        <v>367</v>
      </c>
      <c r="S4" s="1" t="s">
        <v>278</v>
      </c>
      <c r="T4" s="1" t="s">
        <v>62</v>
      </c>
      <c r="U4" s="1">
        <v>9.6</v>
      </c>
      <c r="V4" s="1">
        <v>2200</v>
      </c>
      <c r="W4" s="1"/>
      <c r="X4" s="1">
        <v>0.96</v>
      </c>
      <c r="Y4" s="1">
        <v>3.5999999999999997E-2</v>
      </c>
      <c r="Z4" s="1">
        <v>5.0000000000000001E-3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2.5000000000000001E-2</v>
      </c>
      <c r="BC4" s="1">
        <v>0.7</v>
      </c>
      <c r="BD4" s="1">
        <v>0.75</v>
      </c>
      <c r="BE4" s="1"/>
      <c r="BF4" s="1"/>
      <c r="BG4" s="1"/>
      <c r="BH4" s="1"/>
      <c r="BI4" s="1"/>
      <c r="BJ4" s="1"/>
      <c r="BK4" s="1"/>
      <c r="BL4" s="1"/>
      <c r="BM4" s="1">
        <v>0.01</v>
      </c>
      <c r="BN4" s="1">
        <v>2.1999999999999999E-2</v>
      </c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53</v>
      </c>
      <c r="B5" s="2">
        <v>0.33819444444444446</v>
      </c>
      <c r="C5" s="1" t="s">
        <v>645</v>
      </c>
      <c r="D5" s="1" t="s">
        <v>54</v>
      </c>
      <c r="F5" s="1" t="s">
        <v>251</v>
      </c>
      <c r="G5" s="1" t="s">
        <v>304</v>
      </c>
      <c r="I5" s="1" t="s">
        <v>472</v>
      </c>
      <c r="J5" s="1" t="s">
        <v>65</v>
      </c>
      <c r="K5" s="1" t="s">
        <v>166</v>
      </c>
      <c r="L5" s="1" t="s">
        <v>68</v>
      </c>
      <c r="O5" s="1" t="s">
        <v>212</v>
      </c>
      <c r="P5" s="1" t="s">
        <v>38</v>
      </c>
      <c r="Q5" s="1" t="s">
        <v>215</v>
      </c>
      <c r="R5" s="1" t="s">
        <v>401</v>
      </c>
      <c r="S5" s="1" t="s">
        <v>496</v>
      </c>
      <c r="T5" s="1" t="s">
        <v>119</v>
      </c>
      <c r="U5" s="1">
        <v>8.1999999999999993</v>
      </c>
      <c r="V5" s="1">
        <v>17000</v>
      </c>
      <c r="W5" s="1"/>
      <c r="X5" s="1">
        <v>1.5</v>
      </c>
      <c r="Y5" s="1">
        <v>4.3999999999999997E-2</v>
      </c>
      <c r="Z5" s="1">
        <v>2E-3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1.2E-2</v>
      </c>
      <c r="BC5" s="1">
        <v>1.4</v>
      </c>
      <c r="BD5" s="1">
        <v>1.4</v>
      </c>
      <c r="BE5" s="1"/>
      <c r="BF5" s="1"/>
      <c r="BG5" s="1"/>
      <c r="BH5" s="1"/>
      <c r="BI5" s="1"/>
      <c r="BJ5" s="1"/>
      <c r="BK5" s="1"/>
      <c r="BL5" s="1"/>
      <c r="BM5" s="1">
        <v>0.01</v>
      </c>
      <c r="BN5" s="1">
        <v>3.5000000000000003E-2</v>
      </c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227</v>
      </c>
      <c r="B6" s="2">
        <v>5.9027777777777783E-2</v>
      </c>
      <c r="C6" s="1" t="s">
        <v>645</v>
      </c>
      <c r="D6" s="1" t="s">
        <v>27</v>
      </c>
      <c r="F6" s="1" t="s">
        <v>376</v>
      </c>
      <c r="G6" s="1" t="s">
        <v>488</v>
      </c>
      <c r="I6" s="1" t="s">
        <v>497</v>
      </c>
      <c r="J6" s="1" t="s">
        <v>296</v>
      </c>
      <c r="K6" s="1" t="s">
        <v>192</v>
      </c>
      <c r="L6" s="1" t="s">
        <v>68</v>
      </c>
      <c r="O6" s="1" t="s">
        <v>212</v>
      </c>
      <c r="P6" s="1" t="s">
        <v>38</v>
      </c>
      <c r="Q6" s="1" t="s">
        <v>80</v>
      </c>
      <c r="R6" s="1" t="s">
        <v>226</v>
      </c>
      <c r="S6" s="1" t="s">
        <v>294</v>
      </c>
      <c r="T6" s="1" t="s">
        <v>213</v>
      </c>
      <c r="U6" s="1">
        <v>7.7</v>
      </c>
      <c r="V6" s="1">
        <v>3300</v>
      </c>
      <c r="W6" s="1"/>
      <c r="X6" s="1">
        <v>0.85</v>
      </c>
      <c r="Y6" s="1">
        <v>0.16</v>
      </c>
      <c r="Z6" s="1">
        <v>5.0000000000000001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2.1000000000000001E-2</v>
      </c>
      <c r="BC6" s="1">
        <v>0.75</v>
      </c>
      <c r="BD6" s="1">
        <v>0.8</v>
      </c>
      <c r="BE6" s="1"/>
      <c r="BF6" s="1"/>
      <c r="BG6" s="1"/>
      <c r="BH6" s="1"/>
      <c r="BI6" s="1"/>
      <c r="BJ6" s="1"/>
      <c r="BK6" s="1"/>
      <c r="BL6" s="1"/>
      <c r="BM6" s="1">
        <v>7.0000000000000007E-2</v>
      </c>
      <c r="BN6" s="1">
        <v>0.15</v>
      </c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88</v>
      </c>
      <c r="B7" s="2">
        <v>0.40972222222222227</v>
      </c>
      <c r="C7" s="1" t="s">
        <v>645</v>
      </c>
      <c r="D7" s="1" t="s">
        <v>27</v>
      </c>
      <c r="F7" s="1" t="s">
        <v>498</v>
      </c>
      <c r="G7" s="1" t="s">
        <v>318</v>
      </c>
      <c r="I7" s="1" t="s">
        <v>490</v>
      </c>
      <c r="J7" s="1" t="s">
        <v>65</v>
      </c>
      <c r="K7" s="1" t="s">
        <v>200</v>
      </c>
      <c r="L7" s="1" t="s">
        <v>499</v>
      </c>
      <c r="P7" s="1" t="s">
        <v>466</v>
      </c>
      <c r="Q7" s="1" t="s">
        <v>49</v>
      </c>
      <c r="R7" s="1" t="s">
        <v>374</v>
      </c>
      <c r="S7" s="1" t="s">
        <v>278</v>
      </c>
      <c r="T7" s="1" t="s">
        <v>52</v>
      </c>
      <c r="U7" s="1">
        <v>7.6</v>
      </c>
      <c r="V7" s="1">
        <v>1300</v>
      </c>
      <c r="W7" s="1"/>
      <c r="X7" s="1">
        <v>0.85</v>
      </c>
      <c r="Y7" s="1">
        <v>3.7999999999999999E-2</v>
      </c>
      <c r="Z7" s="1">
        <v>6.0000000000000001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1.4E-2</v>
      </c>
      <c r="BC7" s="1">
        <v>0.56999999999999995</v>
      </c>
      <c r="BD7" s="1">
        <v>0.62</v>
      </c>
      <c r="BE7" s="1"/>
      <c r="BF7" s="1"/>
      <c r="BG7" s="1"/>
      <c r="BH7" s="1"/>
      <c r="BI7" s="1"/>
      <c r="BJ7" s="1"/>
      <c r="BK7" s="1"/>
      <c r="BL7" s="1"/>
      <c r="BM7" s="1">
        <v>0.02</v>
      </c>
      <c r="BN7" s="1">
        <v>2.3E-2</v>
      </c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244</v>
      </c>
      <c r="B8" s="2">
        <v>0.11597222222222221</v>
      </c>
      <c r="C8" s="1" t="s">
        <v>645</v>
      </c>
      <c r="D8" s="1" t="s">
        <v>54</v>
      </c>
      <c r="F8" s="1" t="s">
        <v>488</v>
      </c>
      <c r="G8" s="1" t="s">
        <v>139</v>
      </c>
      <c r="I8" s="1" t="s">
        <v>473</v>
      </c>
      <c r="J8" s="1" t="s">
        <v>489</v>
      </c>
      <c r="K8" s="1" t="s">
        <v>136</v>
      </c>
      <c r="L8" s="1" t="s">
        <v>500</v>
      </c>
      <c r="O8" s="1" t="s">
        <v>212</v>
      </c>
      <c r="P8" s="1" t="s">
        <v>38</v>
      </c>
      <c r="Q8" s="1" t="s">
        <v>97</v>
      </c>
      <c r="R8" s="1" t="s">
        <v>401</v>
      </c>
      <c r="S8" s="1" t="s">
        <v>194</v>
      </c>
      <c r="T8" s="1" t="s">
        <v>279</v>
      </c>
      <c r="U8" s="1">
        <v>7.7</v>
      </c>
      <c r="V8" s="1">
        <v>7000</v>
      </c>
      <c r="W8" s="1"/>
      <c r="X8" s="1">
        <v>0.85</v>
      </c>
      <c r="Y8" s="1">
        <v>3.9E-2</v>
      </c>
      <c r="Z8" s="1">
        <v>5.000000000000000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1.0999999999999999E-2</v>
      </c>
      <c r="BC8" s="1">
        <v>0.61</v>
      </c>
      <c r="BD8" s="1">
        <v>0.62</v>
      </c>
      <c r="BE8" s="1"/>
      <c r="BF8" s="1"/>
      <c r="BG8" s="1"/>
      <c r="BH8" s="1"/>
      <c r="BI8" s="1"/>
      <c r="BJ8" s="1"/>
      <c r="BK8" s="1"/>
      <c r="BL8" s="1"/>
      <c r="BM8" s="1">
        <v>0.04</v>
      </c>
      <c r="BN8" s="1">
        <v>2.4E-2</v>
      </c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249</v>
      </c>
      <c r="B9" s="2">
        <v>0.21388888888888891</v>
      </c>
      <c r="C9" s="1" t="s">
        <v>645</v>
      </c>
      <c r="D9" s="1" t="s">
        <v>27</v>
      </c>
      <c r="F9" s="1" t="s">
        <v>425</v>
      </c>
      <c r="G9" s="1" t="s">
        <v>122</v>
      </c>
      <c r="I9" s="1" t="s">
        <v>322</v>
      </c>
      <c r="J9" s="1" t="s">
        <v>76</v>
      </c>
      <c r="K9" s="1" t="s">
        <v>34</v>
      </c>
      <c r="L9" s="1" t="s">
        <v>68</v>
      </c>
      <c r="O9" s="1" t="s">
        <v>212</v>
      </c>
      <c r="P9" s="1" t="s">
        <v>38</v>
      </c>
      <c r="Q9" s="1" t="s">
        <v>80</v>
      </c>
      <c r="R9" s="1" t="s">
        <v>33</v>
      </c>
      <c r="S9" s="1" t="s">
        <v>313</v>
      </c>
      <c r="T9" s="1" t="s">
        <v>72</v>
      </c>
      <c r="U9" s="1">
        <v>7.5</v>
      </c>
      <c r="V9" s="1">
        <v>7000</v>
      </c>
      <c r="W9" s="1"/>
      <c r="X9" s="1">
        <v>1.3</v>
      </c>
      <c r="Y9" s="1">
        <v>3.5999999999999997E-2</v>
      </c>
      <c r="Z9" s="1">
        <v>6.0000000000000001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0.01</v>
      </c>
      <c r="BC9" s="1">
        <v>1.2</v>
      </c>
      <c r="BD9" s="1">
        <v>1.2</v>
      </c>
      <c r="BE9" s="1"/>
      <c r="BF9" s="1"/>
      <c r="BG9" s="1"/>
      <c r="BH9" s="1"/>
      <c r="BI9" s="1"/>
      <c r="BJ9" s="1"/>
      <c r="BK9" s="1"/>
      <c r="BL9" s="1"/>
      <c r="BM9" s="1">
        <v>0.02</v>
      </c>
      <c r="BN9" s="1">
        <v>2.9000000000000001E-2</v>
      </c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255</v>
      </c>
      <c r="B10" s="2">
        <v>9.5833333333333326E-2</v>
      </c>
      <c r="C10" s="1" t="s">
        <v>645</v>
      </c>
      <c r="D10" s="1" t="s">
        <v>27</v>
      </c>
      <c r="F10" s="1" t="s">
        <v>30</v>
      </c>
      <c r="G10" s="1" t="s">
        <v>359</v>
      </c>
      <c r="I10" s="1" t="s">
        <v>501</v>
      </c>
      <c r="J10" s="1" t="s">
        <v>489</v>
      </c>
      <c r="K10" s="1" t="s">
        <v>129</v>
      </c>
      <c r="L10" s="1" t="s">
        <v>68</v>
      </c>
      <c r="O10" s="1" t="s">
        <v>465</v>
      </c>
      <c r="P10" s="1" t="s">
        <v>466</v>
      </c>
      <c r="Q10" s="1" t="s">
        <v>80</v>
      </c>
      <c r="R10" s="1" t="s">
        <v>226</v>
      </c>
      <c r="S10" s="1" t="s">
        <v>182</v>
      </c>
      <c r="T10" s="1" t="s">
        <v>119</v>
      </c>
      <c r="U10" s="1">
        <v>7.9</v>
      </c>
      <c r="V10" s="1">
        <v>7900</v>
      </c>
      <c r="W10" s="1"/>
      <c r="X10" s="1">
        <v>1.5</v>
      </c>
      <c r="Y10" s="1">
        <v>4.4999999999999998E-2</v>
      </c>
      <c r="Z10" s="1">
        <v>6.0000000000000001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1.2999999999999999E-2</v>
      </c>
      <c r="BC10" s="1">
        <v>1.3</v>
      </c>
      <c r="BD10" s="1">
        <v>1.3</v>
      </c>
      <c r="BE10" s="1"/>
      <c r="BF10" s="1"/>
      <c r="BG10" s="1"/>
      <c r="BH10" s="1"/>
      <c r="BI10" s="1"/>
      <c r="BJ10" s="1"/>
      <c r="BK10" s="1"/>
      <c r="BL10" s="1"/>
      <c r="BM10" s="1">
        <v>0.02</v>
      </c>
      <c r="BN10" s="1">
        <v>3.5999999999999997E-2</v>
      </c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260</v>
      </c>
      <c r="B11" s="2">
        <v>0.27361111111111108</v>
      </c>
      <c r="C11" s="1" t="s">
        <v>645</v>
      </c>
      <c r="D11" s="1" t="s">
        <v>27</v>
      </c>
      <c r="F11" s="1" t="s">
        <v>293</v>
      </c>
      <c r="G11" s="1" t="s">
        <v>208</v>
      </c>
      <c r="I11" s="1" t="s">
        <v>328</v>
      </c>
      <c r="J11" s="1" t="s">
        <v>296</v>
      </c>
      <c r="K11" s="1" t="s">
        <v>192</v>
      </c>
      <c r="L11" s="1" t="s">
        <v>502</v>
      </c>
      <c r="O11" s="1" t="s">
        <v>212</v>
      </c>
      <c r="P11" s="1" t="s">
        <v>466</v>
      </c>
      <c r="Q11" s="1" t="s">
        <v>183</v>
      </c>
      <c r="R11" s="1" t="s">
        <v>152</v>
      </c>
      <c r="S11" s="1" t="s">
        <v>294</v>
      </c>
      <c r="T11" s="1" t="s">
        <v>279</v>
      </c>
      <c r="U11" s="1">
        <v>8.1999999999999993</v>
      </c>
      <c r="V11" s="1">
        <v>49000</v>
      </c>
      <c r="W11" s="1"/>
      <c r="X11" s="1">
        <v>1.1000000000000001</v>
      </c>
      <c r="Y11" s="1">
        <v>4.8000000000000001E-2</v>
      </c>
      <c r="Z11" s="1">
        <v>0.02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1.0999999999999999E-2</v>
      </c>
      <c r="BC11" s="1">
        <v>0.67</v>
      </c>
      <c r="BD11" s="1">
        <v>0.68</v>
      </c>
      <c r="BE11" s="1"/>
      <c r="BF11" s="1"/>
      <c r="BG11" s="1"/>
      <c r="BH11" s="1"/>
      <c r="BI11" s="1"/>
      <c r="BJ11" s="1"/>
      <c r="BK11" s="1"/>
      <c r="BL11" s="1"/>
      <c r="BM11" s="1">
        <v>0.04</v>
      </c>
      <c r="BN11" s="1">
        <v>3.5000000000000003E-2</v>
      </c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54</v>
      </c>
      <c r="B12" s="2">
        <v>0.27499999999999997</v>
      </c>
      <c r="C12" s="1" t="s">
        <v>645</v>
      </c>
      <c r="D12" s="1" t="s">
        <v>27</v>
      </c>
      <c r="F12" s="1" t="s">
        <v>359</v>
      </c>
      <c r="G12" s="1" t="s">
        <v>144</v>
      </c>
      <c r="I12" s="1" t="s">
        <v>360</v>
      </c>
      <c r="J12" s="1" t="s">
        <v>327</v>
      </c>
      <c r="K12" s="1" t="s">
        <v>328</v>
      </c>
      <c r="L12" s="1" t="s">
        <v>503</v>
      </c>
      <c r="O12" s="1" t="s">
        <v>212</v>
      </c>
      <c r="P12" s="1" t="s">
        <v>38</v>
      </c>
      <c r="Q12" s="1" t="s">
        <v>39</v>
      </c>
      <c r="R12" s="1" t="s">
        <v>381</v>
      </c>
      <c r="S12" s="1" t="s">
        <v>236</v>
      </c>
      <c r="T12" s="1" t="s">
        <v>283</v>
      </c>
      <c r="U12" s="1">
        <v>8.3000000000000007</v>
      </c>
      <c r="V12" s="1">
        <v>23000</v>
      </c>
      <c r="W12" s="1"/>
      <c r="X12" s="1">
        <v>1.3</v>
      </c>
      <c r="Y12" s="1">
        <v>0.16</v>
      </c>
      <c r="Z12" s="1">
        <v>0.01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2.8000000000000001E-2</v>
      </c>
      <c r="BC12" s="1">
        <v>1.1000000000000001</v>
      </c>
      <c r="BD12" s="1">
        <v>1.1000000000000001</v>
      </c>
      <c r="BE12" s="1"/>
      <c r="BF12" s="1"/>
      <c r="BG12" s="1"/>
      <c r="BH12" s="1"/>
      <c r="BI12" s="1"/>
      <c r="BJ12" s="1"/>
      <c r="BK12" s="1"/>
      <c r="BL12" s="1"/>
      <c r="BM12" s="1">
        <v>0.03</v>
      </c>
      <c r="BN12" s="1">
        <v>0.15</v>
      </c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70</v>
      </c>
      <c r="B13" s="2">
        <v>0.39305555555555555</v>
      </c>
      <c r="C13" s="1" t="s">
        <v>645</v>
      </c>
      <c r="D13" s="1" t="s">
        <v>54</v>
      </c>
      <c r="F13" s="1" t="s">
        <v>42</v>
      </c>
      <c r="G13" s="1" t="s">
        <v>224</v>
      </c>
      <c r="I13" s="1" t="s">
        <v>440</v>
      </c>
      <c r="J13" s="1" t="s">
        <v>298</v>
      </c>
      <c r="K13" s="1" t="s">
        <v>299</v>
      </c>
      <c r="L13" s="1" t="s">
        <v>68</v>
      </c>
      <c r="O13" s="1" t="s">
        <v>465</v>
      </c>
      <c r="P13" s="1" t="s">
        <v>466</v>
      </c>
      <c r="Q13" s="1" t="s">
        <v>49</v>
      </c>
      <c r="R13" s="1" t="s">
        <v>322</v>
      </c>
      <c r="S13" s="1" t="s">
        <v>313</v>
      </c>
      <c r="T13" s="1" t="s">
        <v>72</v>
      </c>
      <c r="U13" s="1">
        <v>12</v>
      </c>
      <c r="V13" s="1">
        <v>1100</v>
      </c>
      <c r="W13" s="1"/>
      <c r="X13" s="1">
        <v>1.3</v>
      </c>
      <c r="Y13" s="1">
        <v>3.2000000000000001E-2</v>
      </c>
      <c r="Z13" s="1">
        <v>3.0000000000000001E-3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3.5000000000000003E-2</v>
      </c>
      <c r="BC13" s="1">
        <v>1</v>
      </c>
      <c r="BD13" s="1">
        <v>1</v>
      </c>
      <c r="BE13" s="1"/>
      <c r="BF13" s="1"/>
      <c r="BG13" s="1"/>
      <c r="BH13" s="1"/>
      <c r="BI13" s="1"/>
      <c r="BJ13" s="1"/>
      <c r="BK13" s="1"/>
      <c r="BL13" s="1"/>
      <c r="BM13" s="1">
        <v>0.01</v>
      </c>
      <c r="BN13" s="1">
        <v>1.9E-2</v>
      </c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84</v>
      </c>
      <c r="B14" s="2">
        <v>0.10208333333333335</v>
      </c>
      <c r="C14" s="1" t="s">
        <v>645</v>
      </c>
      <c r="D14" s="1" t="s">
        <v>27</v>
      </c>
      <c r="F14" s="1" t="s">
        <v>313</v>
      </c>
      <c r="G14" s="1" t="s">
        <v>221</v>
      </c>
      <c r="I14" s="1" t="s">
        <v>67</v>
      </c>
      <c r="J14" s="1" t="s">
        <v>504</v>
      </c>
      <c r="K14" s="1" t="s">
        <v>370</v>
      </c>
      <c r="L14" s="1" t="s">
        <v>505</v>
      </c>
      <c r="O14" s="1" t="s">
        <v>212</v>
      </c>
      <c r="P14" s="1" t="s">
        <v>38</v>
      </c>
      <c r="Q14" s="1" t="s">
        <v>103</v>
      </c>
      <c r="R14" s="1" t="s">
        <v>129</v>
      </c>
      <c r="S14" s="1" t="s">
        <v>194</v>
      </c>
      <c r="T14" s="1" t="s">
        <v>119</v>
      </c>
      <c r="U14" s="1">
        <v>11</v>
      </c>
      <c r="V14" s="1">
        <v>790</v>
      </c>
      <c r="W14" s="1"/>
      <c r="X14" s="1">
        <v>1.2</v>
      </c>
      <c r="Y14" s="1">
        <v>4.2000000000000003E-2</v>
      </c>
      <c r="Z14" s="1">
        <v>7.0000000000000001E-3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1.7999999999999999E-2</v>
      </c>
      <c r="BC14" s="1">
        <v>1.1000000000000001</v>
      </c>
      <c r="BD14" s="1">
        <v>1.1000000000000001</v>
      </c>
      <c r="BE14" s="1"/>
      <c r="BF14" s="1"/>
      <c r="BG14" s="1"/>
      <c r="BH14" s="1"/>
      <c r="BI14" s="1"/>
      <c r="BJ14" s="1"/>
      <c r="BK14" s="1"/>
      <c r="BL14" s="1"/>
      <c r="BM14" s="1">
        <v>0.03</v>
      </c>
      <c r="BN14" s="1">
        <v>3.2000000000000001E-2</v>
      </c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96</v>
      </c>
      <c r="B15" s="2">
        <v>0.35694444444444445</v>
      </c>
      <c r="C15" s="1" t="s">
        <v>645</v>
      </c>
      <c r="D15" s="1" t="s">
        <v>27</v>
      </c>
      <c r="F15" s="1" t="s">
        <v>186</v>
      </c>
      <c r="G15" s="1" t="s">
        <v>191</v>
      </c>
      <c r="I15" s="1" t="s">
        <v>401</v>
      </c>
      <c r="J15" s="1" t="s">
        <v>305</v>
      </c>
      <c r="K15" s="1" t="s">
        <v>357</v>
      </c>
      <c r="L15" s="1" t="s">
        <v>68</v>
      </c>
      <c r="O15" s="1" t="s">
        <v>212</v>
      </c>
      <c r="P15" s="1" t="s">
        <v>38</v>
      </c>
      <c r="Q15" s="1" t="s">
        <v>39</v>
      </c>
      <c r="R15" s="1" t="s">
        <v>385</v>
      </c>
      <c r="S15" s="1" t="s">
        <v>119</v>
      </c>
      <c r="T15" s="1" t="s">
        <v>206</v>
      </c>
      <c r="U15" s="1">
        <v>9.6999999999999993</v>
      </c>
      <c r="V15" s="1">
        <v>13000</v>
      </c>
      <c r="W15" s="1"/>
      <c r="X15" s="1">
        <v>1.2</v>
      </c>
      <c r="Y15" s="1">
        <v>3.4000000000000002E-2</v>
      </c>
      <c r="Z15" s="1">
        <v>1.2999999999999999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1.6E-2</v>
      </c>
      <c r="BC15" s="1">
        <v>1.1000000000000001</v>
      </c>
      <c r="BD15" s="1">
        <v>1.1000000000000001</v>
      </c>
      <c r="BE15" s="1"/>
      <c r="BF15" s="1"/>
      <c r="BG15" s="1"/>
      <c r="BH15" s="1"/>
      <c r="BI15" s="1"/>
      <c r="BJ15" s="1"/>
      <c r="BK15" s="1"/>
      <c r="BL15" s="1"/>
      <c r="BM15" s="1">
        <v>0.02</v>
      </c>
      <c r="BN15" s="1">
        <v>2.3E-2</v>
      </c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A16" s="1"/>
      <c r="AB16" s="1"/>
      <c r="BE16" s="1"/>
    </row>
    <row r="17" spans="27:57" x14ac:dyDescent="0.15">
      <c r="AA17" s="1"/>
      <c r="AB17" s="1"/>
      <c r="BE17" s="1"/>
    </row>
    <row r="18" spans="27:57" x14ac:dyDescent="0.15">
      <c r="AA18" s="1"/>
      <c r="AB18" s="1"/>
      <c r="BE18" s="1"/>
    </row>
    <row r="19" spans="27:57" x14ac:dyDescent="0.15">
      <c r="AA19" s="1"/>
      <c r="AB19" s="1"/>
      <c r="BE19" s="1"/>
    </row>
    <row r="20" spans="27:57" x14ac:dyDescent="0.15">
      <c r="AA20" s="1"/>
      <c r="AB20" s="1"/>
      <c r="BE20" s="1"/>
    </row>
    <row r="21" spans="27:57" x14ac:dyDescent="0.15">
      <c r="AA21" s="1"/>
      <c r="AB21" s="1"/>
      <c r="BE21" s="1"/>
    </row>
    <row r="22" spans="27:57" x14ac:dyDescent="0.15">
      <c r="AA22" s="1"/>
      <c r="AB22" s="1"/>
      <c r="BE22" s="1"/>
    </row>
    <row r="23" spans="27:57" x14ac:dyDescent="0.15">
      <c r="AA23" s="1"/>
      <c r="AB23" s="1"/>
      <c r="BE23" s="1"/>
    </row>
    <row r="24" spans="27:57" x14ac:dyDescent="0.15">
      <c r="AA24" s="1"/>
      <c r="AB24" s="1"/>
      <c r="BE24" s="1"/>
    </row>
    <row r="25" spans="27:57" x14ac:dyDescent="0.15">
      <c r="AA25" s="1"/>
      <c r="AB25" s="1"/>
      <c r="BE25" s="1"/>
    </row>
    <row r="26" spans="27:57" x14ac:dyDescent="0.15">
      <c r="AA26" s="1"/>
      <c r="AB26" s="1"/>
      <c r="BE26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0" spans="21:21" x14ac:dyDescent="0.15">
      <c r="U240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  <row r="471" spans="21:21" x14ac:dyDescent="0.15">
      <c r="U471" s="1"/>
    </row>
    <row r="472" spans="21:21" x14ac:dyDescent="0.15">
      <c r="U472" s="1"/>
    </row>
    <row r="473" spans="21:21" x14ac:dyDescent="0.15">
      <c r="U473" s="1"/>
    </row>
    <row r="474" spans="21:21" x14ac:dyDescent="0.15">
      <c r="U474" s="1"/>
    </row>
    <row r="475" spans="21:21" x14ac:dyDescent="0.15">
      <c r="U475" s="1"/>
    </row>
    <row r="476" spans="21:21" x14ac:dyDescent="0.15">
      <c r="U476" s="1"/>
    </row>
    <row r="477" spans="21:21" x14ac:dyDescent="0.15">
      <c r="U477" s="1"/>
    </row>
    <row r="478" spans="21:21" x14ac:dyDescent="0.15">
      <c r="U478" s="1"/>
    </row>
    <row r="479" spans="21:21" x14ac:dyDescent="0.15">
      <c r="U479" s="1"/>
    </row>
    <row r="480" spans="21:21" x14ac:dyDescent="0.15">
      <c r="U480" s="1"/>
    </row>
    <row r="481" spans="21:21" x14ac:dyDescent="0.15">
      <c r="U481" s="1"/>
    </row>
    <row r="482" spans="21:21" x14ac:dyDescent="0.15">
      <c r="U482" s="1"/>
    </row>
    <row r="487" spans="21:21" x14ac:dyDescent="0.15">
      <c r="U487" s="1"/>
    </row>
    <row r="488" spans="21:21" x14ac:dyDescent="0.15">
      <c r="U488" s="1"/>
    </row>
    <row r="489" spans="21:21" x14ac:dyDescent="0.15">
      <c r="U489" s="1"/>
    </row>
    <row r="490" spans="21:21" x14ac:dyDescent="0.15">
      <c r="U490" s="1"/>
    </row>
    <row r="491" spans="21:21" x14ac:dyDescent="0.15">
      <c r="U491" s="1"/>
    </row>
    <row r="492" spans="21:21" x14ac:dyDescent="0.15">
      <c r="U492" s="1"/>
    </row>
    <row r="493" spans="21:21" x14ac:dyDescent="0.15">
      <c r="U493" s="1"/>
    </row>
    <row r="494" spans="21:21" x14ac:dyDescent="0.15">
      <c r="U494" s="1"/>
    </row>
    <row r="495" spans="21:21" x14ac:dyDescent="0.15">
      <c r="U495" s="1"/>
    </row>
    <row r="496" spans="21:21" x14ac:dyDescent="0.15">
      <c r="U496" s="1"/>
    </row>
    <row r="497" spans="21:21" x14ac:dyDescent="0.15">
      <c r="U497" s="1"/>
    </row>
    <row r="498" spans="21:21" x14ac:dyDescent="0.15">
      <c r="U498" s="1"/>
    </row>
    <row r="499" spans="21:21" x14ac:dyDescent="0.15">
      <c r="U499" s="1"/>
    </row>
    <row r="500" spans="21:21" x14ac:dyDescent="0.15">
      <c r="U500" s="1"/>
    </row>
    <row r="501" spans="21:21" x14ac:dyDescent="0.15">
      <c r="U501" s="1"/>
    </row>
    <row r="502" spans="21:21" x14ac:dyDescent="0.15">
      <c r="U502" s="1"/>
    </row>
    <row r="503" spans="21:21" x14ac:dyDescent="0.15">
      <c r="U503" s="1"/>
    </row>
    <row r="504" spans="21:21" x14ac:dyDescent="0.15">
      <c r="U504" s="1"/>
    </row>
    <row r="505" spans="21:21" x14ac:dyDescent="0.15">
      <c r="U505" s="1"/>
    </row>
    <row r="506" spans="21:21" x14ac:dyDescent="0.15">
      <c r="U506" s="1"/>
    </row>
    <row r="507" spans="21:21" x14ac:dyDescent="0.15">
      <c r="U507" s="1"/>
    </row>
    <row r="508" spans="21:21" x14ac:dyDescent="0.15">
      <c r="U508" s="1"/>
    </row>
    <row r="509" spans="21:21" x14ac:dyDescent="0.15">
      <c r="U509" s="1"/>
    </row>
    <row r="510" spans="21:21" x14ac:dyDescent="0.15">
      <c r="U510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千代橋</vt:lpstr>
      <vt:lpstr>亀の子橋</vt:lpstr>
      <vt:lpstr>大綱橋</vt:lpstr>
      <vt:lpstr>末吉橋</vt:lpstr>
      <vt:lpstr>臨港鶴見川橋</vt:lpstr>
      <vt:lpstr>都橋</vt:lpstr>
      <vt:lpstr>大竹橋</vt:lpstr>
      <vt:lpstr>又口橋</vt:lpstr>
      <vt:lpstr>峰大橋</vt:lpstr>
      <vt:lpstr>矢上川橋</vt:lpstr>
      <vt:lpstr>耕地橋</vt:lpstr>
      <vt:lpstr>水車橋前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4:31Z</dcterms:created>
  <dcterms:modified xsi:type="dcterms:W3CDTF">2020-03-21T06:56:40Z</dcterms:modified>
</cp:coreProperties>
</file>